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5. Renátka\233_2025 Jednorázový bronchoskop\02. Príprava\05. PTK\"/>
    </mc:Choice>
  </mc:AlternateContent>
  <bookViews>
    <workbookView xWindow="0" yWindow="0" windowWidth="23040" windowHeight="9195"/>
  </bookViews>
  <sheets>
    <sheet name="Špecifikácia" sheetId="8" r:id="rId1"/>
  </sheets>
  <definedNames>
    <definedName name="_xlnm.Print_Area" localSheetId="0">Špecifikácia!$A$1:$I$13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9" uniqueCount="170">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1.</t>
  </si>
  <si>
    <t>12.</t>
  </si>
  <si>
    <t>13.</t>
  </si>
  <si>
    <t>14.</t>
  </si>
  <si>
    <t>15.</t>
  </si>
  <si>
    <t>16.</t>
  </si>
  <si>
    <t>17.</t>
  </si>
  <si>
    <t>18.</t>
  </si>
  <si>
    <t>19.</t>
  </si>
  <si>
    <t>20.</t>
  </si>
  <si>
    <t>21.</t>
  </si>
  <si>
    <t>jednotka</t>
  </si>
  <si>
    <t>minimum</t>
  </si>
  <si>
    <t>maximum</t>
  </si>
  <si>
    <t>presne</t>
  </si>
  <si>
    <t>tovar; služba</t>
  </si>
  <si>
    <t>10.</t>
  </si>
  <si>
    <t xml:space="preserve">Požadované minimálne technické vlastnosti, parametre a hodnoty predmetu zákazky
 </t>
  </si>
  <si>
    <t>33168100-6  Endoskopy</t>
  </si>
  <si>
    <t>33168000-5  Endoskopia, endochirurgické prístroje</t>
  </si>
  <si>
    <t>33100000-1  Zdravotnícke vybavenie</t>
  </si>
  <si>
    <t>Položka č. 2</t>
  </si>
  <si>
    <t>Množstvo</t>
  </si>
  <si>
    <t>mm</t>
  </si>
  <si>
    <t>Fr</t>
  </si>
  <si>
    <t>Vonkajší priemer</t>
  </si>
  <si>
    <t>Vnútorný priemer</t>
  </si>
  <si>
    <t>°</t>
  </si>
  <si>
    <t>Priemer zavádzacej hadičky</t>
  </si>
  <si>
    <t xml:space="preserve">mm (”) </t>
  </si>
  <si>
    <t>Priemer distálneho konca</t>
  </si>
  <si>
    <t>Priemer zavádzacej časti</t>
  </si>
  <si>
    <t xml:space="preserve">5,5 (0,22)
</t>
  </si>
  <si>
    <t>Veľkosť endotracheálnej kanyly (vnútorný priemer)</t>
  </si>
  <si>
    <t>Veľkosť kanyly s rozdvojeným koncom (vnútorný priemer)</t>
  </si>
  <si>
    <t xml:space="preserve">Pracovná dĺžka </t>
  </si>
  <si>
    <t>600 (23,6)</t>
  </si>
  <si>
    <t xml:space="preserve">Šírka kanála </t>
  </si>
  <si>
    <t xml:space="preserve">Veľkosť a rozhranie pracovnej časti bronchoskopu </t>
  </si>
  <si>
    <t>5.0 / 2.2</t>
  </si>
  <si>
    <t xml:space="preserve">16. </t>
  </si>
  <si>
    <t xml:space="preserve">Farebné rozlíšenie veľkosti </t>
  </si>
  <si>
    <t xml:space="preserve">17. </t>
  </si>
  <si>
    <t>Optický systém:</t>
  </si>
  <si>
    <t>Hĺbka poľa</t>
  </si>
  <si>
    <t xml:space="preserve"> svetelná dióda (LED)</t>
  </si>
  <si>
    <t>Spôsob osvetlenia:</t>
  </si>
  <si>
    <t xml:space="preserve">Konektor na odsávanie: </t>
  </si>
  <si>
    <t xml:space="preserve">Zorné pole </t>
  </si>
  <si>
    <t>Šírka pracovného kanála EP</t>
  </si>
  <si>
    <t xml:space="preserve">6,3 (0,25)
</t>
  </si>
  <si>
    <t>2,6 (0,102)</t>
  </si>
  <si>
    <t>Jednorázový bronchoskop</t>
  </si>
  <si>
    <t xml:space="preserve">Bronchoskop je určený na použitie s monitorom ako zobrazovacou jednotkou, s endoterapeutickým príslušenstvom a inými pomocnými zariadeniami na endoskopiu v dýchacích cestách a tracheobronchiálnom strome. 
</t>
  </si>
  <si>
    <t>Položka č. 1 - Bronchoskop veľkosť 5.0/2.2 - veľkosť 2</t>
  </si>
  <si>
    <t>3.1</t>
  </si>
  <si>
    <t>3.2</t>
  </si>
  <si>
    <t>3.3</t>
  </si>
  <si>
    <t>3.4</t>
  </si>
  <si>
    <t>3.5</t>
  </si>
  <si>
    <t>Požaduje sa dodanie tovaru:</t>
  </si>
  <si>
    <t>v pracovných dňoch (do termínu sa nezapočítavajú dni pracovného voľna, pracovného pokoja a štátne sviatky),</t>
  </si>
  <si>
    <t>Bronchoskop veľkosť 5.0/2.2 - veľkosť 2</t>
  </si>
  <si>
    <t>Bronchoskop veľkosť 5.6/2.8</t>
  </si>
  <si>
    <t>22.</t>
  </si>
  <si>
    <t>Funkcia rotácie</t>
  </si>
  <si>
    <t>Značenie hĺbky zavedenia</t>
  </si>
  <si>
    <r>
      <t>Ohýbateľná časť</t>
    </r>
    <r>
      <rPr>
        <sz val="10"/>
        <rFont val="Arial"/>
        <family val="2"/>
        <charset val="238"/>
      </rPr>
      <t xml:space="preserve"> </t>
    </r>
  </si>
  <si>
    <r>
      <rPr>
        <sz val="10"/>
        <color theme="1"/>
        <rFont val="Calibri"/>
        <family val="2"/>
        <charset val="238"/>
      </rPr>
      <t>±</t>
    </r>
    <r>
      <rPr>
        <sz val="10"/>
        <color theme="1"/>
        <rFont val="Arial"/>
        <family val="2"/>
        <charset val="238"/>
      </rPr>
      <t>120</t>
    </r>
  </si>
  <si>
    <t>cm</t>
  </si>
  <si>
    <r>
      <rPr>
        <sz val="10"/>
        <color theme="1"/>
        <rFont val="Calibri"/>
        <family val="2"/>
        <charset val="238"/>
      </rPr>
      <t>±</t>
    </r>
    <r>
      <rPr>
        <sz val="10"/>
        <color theme="1"/>
        <rFont val="Arial"/>
        <family val="2"/>
        <charset val="238"/>
      </rPr>
      <t>180</t>
    </r>
  </si>
  <si>
    <t>každých 5 cm</t>
  </si>
  <si>
    <t>±200</t>
  </si>
  <si>
    <t>nie</t>
  </si>
  <si>
    <t>0 (priamy pohľad)</t>
  </si>
  <si>
    <t>vnútorný priemer spojovacej hadice (mm) 5,5-9,0</t>
  </si>
  <si>
    <t>Smer zorného poľa</t>
  </si>
  <si>
    <t>Ohýbateľná časť</t>
  </si>
  <si>
    <t>5.6 / 2.8</t>
  </si>
  <si>
    <t>15</t>
  </si>
  <si>
    <t>18</t>
  </si>
  <si>
    <t xml:space="preserve">Kalkulácia ceny a návrh na plnenie kritéria na vyhodnotenie ponúk - Štruktúrovaný rozpočet ceny predmetu zákazky </t>
  </si>
  <si>
    <t xml:space="preserve">Položka č. 2 - Bronchoskop veľkosť 5.6/2.8 </t>
  </si>
  <si>
    <t>svetelná dióda (LED)</t>
  </si>
  <si>
    <r>
      <t xml:space="preserve">Uchádzač uvedie informácie, či ním ponúkaný produkt spĺňa, resp. nespĺňa verejným obstarávateľom definované požiadavky na predmet zákazky 
</t>
    </r>
    <r>
      <rPr>
        <i/>
        <sz val="10"/>
        <color theme="1"/>
        <rFont val="Arial"/>
        <family val="2"/>
        <charset val="238"/>
      </rPr>
      <t>(v prípade, ak ponúkaný produkt nespĺňa definované požiadavky uvedie ekvivalentnú hodnotu ním ponúkaného produktu)</t>
    </r>
  </si>
  <si>
    <r>
      <t xml:space="preserve">Požadovaný počet MJ za zmluvné obdobie                    </t>
    </r>
    <r>
      <rPr>
        <i/>
        <sz val="9"/>
        <color theme="1"/>
        <rFont val="Arial"/>
        <family val="2"/>
        <charset val="238"/>
      </rPr>
      <t>(24 mesiacov)</t>
    </r>
  </si>
  <si>
    <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Požaduje sa uzatvorenie rámcovej dohody, a to na na dohodnuté zmluvné obdobie  24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do štyridsiatichôsmich (48) hodín od doručenia písomnej objednávky Dodávateľovi,</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prístroj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5.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Účastníci dohod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Účastníci dohod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Účastníci dohody sa dohodli, že sú zbavení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Účastníci dohody, a to najmä podľa ústavného zákona č. 227/2002 Z. z. o bezpečnosti štátu v čase vojny, vojnového stavu, výnimočného stavu a núdzového stavu v znení neskorších predpisov. Účastník dohody, ktorý sa odvolá na okolnosti vylučujúce zodpovednosť, je povinný to oznámiť druhému Účastníkovi dohody, najneskôr do 5 kalendárnych dní od vzniku tejto skutočnosti a môže požiadať o prípadnú úpravu podmienok zmluvného vzťahu. Na požiadanie Účastníka dohody, ktorému boli avizované okolnosti vylučujúce zodpovednosť, je povinný oznamovateľ predložiť hodnoverný dôkaz. Ak nedôjde k dohode, má Účastník dohody, ktorému boli avizované okolnosti vylučujúce zodpovednosť, právo odstúpiť od uzatvoreného zmluvného vzťahu. Účinky odstúpenia nastanú dňom doručenia oznámenia druhému Účastníkovi dohody.</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Rámcovej dohody.</t>
  </si>
  <si>
    <r>
      <t>Potvrdenie ŠÚKL</t>
    </r>
    <r>
      <rPr>
        <sz val="10"/>
        <color theme="1"/>
        <rFont val="Arial"/>
        <family val="2"/>
        <charset val="238"/>
      </rPr>
      <t xml:space="preserve"> - výstup z databázy registrovaných/evidovaných zdravotníckych pomôcok, resp. iné doklady, ktoré nahrádzajú požadované potvrdenie ku všetkým ponúkaným produktom uvedeným v prílohe – Sortiment ponúkaného tovaru.</t>
    </r>
    <r>
      <rPr>
        <b/>
        <sz val="10"/>
        <color theme="1"/>
        <rFont val="Arial"/>
        <family val="2"/>
        <charset val="238"/>
      </rPr>
      <t/>
    </r>
  </si>
  <si>
    <r>
      <t>Doklad s názvom ES vyhlásenie o zhode</t>
    </r>
    <r>
      <rPr>
        <sz val="10"/>
        <color theme="1"/>
        <rFont val="Arial"/>
        <family val="2"/>
        <charset val="238"/>
      </rPr>
      <t xml:space="preserve"> a podklady k nemu,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t>
    </r>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theme="1"/>
      <name val="Calibri"/>
      <family val="2"/>
      <charset val="238"/>
    </font>
    <font>
      <i/>
      <sz val="10"/>
      <color theme="1"/>
      <name val="Arial"/>
      <family val="2"/>
      <charset val="238"/>
    </font>
    <font>
      <i/>
      <sz val="9"/>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style="dotted">
        <color auto="1"/>
      </top>
      <bottom/>
      <diagonal/>
    </border>
    <border>
      <left style="medium">
        <color auto="1"/>
      </left>
      <right/>
      <top style="thin">
        <color auto="1"/>
      </top>
      <bottom style="thin">
        <color auto="1"/>
      </bottom>
      <diagonal/>
    </border>
    <border>
      <left/>
      <right/>
      <top style="dotted">
        <color auto="1"/>
      </top>
      <bottom style="dotted">
        <color indexed="64"/>
      </bottom>
      <diagonal/>
    </border>
    <border>
      <left/>
      <right style="thin">
        <color auto="1"/>
      </right>
      <top style="dotted">
        <color auto="1"/>
      </top>
      <bottom style="dotted">
        <color indexed="64"/>
      </bottom>
      <diagonal/>
    </border>
    <border>
      <left/>
      <right/>
      <top style="dotted">
        <color auto="1"/>
      </top>
      <bottom style="thin">
        <color auto="1"/>
      </bottom>
      <diagonal/>
    </border>
    <border>
      <left/>
      <right style="thin">
        <color auto="1"/>
      </right>
      <top style="dotted">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thin">
        <color auto="1"/>
      </right>
      <top style="medium">
        <color auto="1"/>
      </top>
      <bottom style="thin">
        <color auto="1"/>
      </bottom>
      <diagonal/>
    </border>
    <border>
      <left style="thin">
        <color auto="1"/>
      </left>
      <right/>
      <top/>
      <bottom style="dotted">
        <color indexed="64"/>
      </bottom>
      <diagonal/>
    </border>
    <border>
      <left/>
      <right style="thin">
        <color auto="1"/>
      </right>
      <top/>
      <bottom style="dotted">
        <color indexed="64"/>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top/>
      <bottom style="medium">
        <color indexed="64"/>
      </bottom>
      <diagonal/>
    </border>
    <border>
      <left/>
      <right style="thin">
        <color auto="1"/>
      </right>
      <top/>
      <bottom style="medium">
        <color indexed="64"/>
      </bottom>
      <diagonal/>
    </border>
    <border>
      <left/>
      <right/>
      <top style="thin">
        <color auto="1"/>
      </top>
      <bottom style="medium">
        <color indexed="64"/>
      </bottom>
      <diagonal/>
    </border>
    <border>
      <left/>
      <right style="thin">
        <color auto="1"/>
      </right>
      <top style="thin">
        <color auto="1"/>
      </top>
      <bottom style="medium">
        <color indexed="64"/>
      </bottom>
      <diagonal/>
    </border>
    <border>
      <left style="medium">
        <color indexed="64"/>
      </left>
      <right style="thin">
        <color auto="1"/>
      </right>
      <top style="thin">
        <color auto="1"/>
      </top>
      <bottom style="medium">
        <color indexed="64"/>
      </bottom>
      <diagonal/>
    </border>
    <border>
      <left style="medium">
        <color auto="1"/>
      </left>
      <right/>
      <top/>
      <bottom style="thin">
        <color auto="1"/>
      </bottom>
      <diagonal/>
    </border>
    <border>
      <left style="thin">
        <color auto="1"/>
      </left>
      <right style="medium">
        <color indexed="64"/>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auto="1"/>
      </right>
      <top style="medium">
        <color indexed="64"/>
      </top>
      <bottom style="medium">
        <color indexed="64"/>
      </bottom>
      <diagonal/>
    </border>
    <border>
      <left/>
      <right style="thin">
        <color auto="1"/>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right style="medium">
        <color auto="1"/>
      </right>
      <top/>
      <bottom style="medium">
        <color auto="1"/>
      </bottom>
      <diagonal/>
    </border>
    <border>
      <left/>
      <right style="thin">
        <color auto="1"/>
      </right>
      <top style="medium">
        <color auto="1"/>
      </top>
      <bottom/>
      <diagonal/>
    </border>
    <border>
      <left/>
      <right style="medium">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2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4"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4" xfId="5" applyFont="1" applyFill="1" applyBorder="1" applyAlignment="1">
      <alignment horizontal="right" vertical="center" wrapText="1"/>
    </xf>
    <xf numFmtId="0" fontId="7" fillId="0" borderId="28" xfId="0" applyNumberFormat="1" applyFont="1" applyBorder="1" applyAlignment="1">
      <alignment horizontal="center" vertical="center" wrapText="1"/>
    </xf>
    <xf numFmtId="0" fontId="7" fillId="0" borderId="14" xfId="0" applyNumberFormat="1" applyFont="1" applyBorder="1" applyAlignment="1">
      <alignment horizontal="center" vertical="center" wrapText="1"/>
    </xf>
    <xf numFmtId="0" fontId="7" fillId="0" borderId="29" xfId="0" applyNumberFormat="1" applyFont="1" applyBorder="1" applyAlignment="1">
      <alignment horizontal="center" vertical="center" wrapText="1"/>
    </xf>
    <xf numFmtId="0" fontId="8" fillId="0" borderId="0" xfId="0" applyFont="1" applyFill="1" applyAlignment="1">
      <alignment horizontal="left" vertical="center" wrapText="1"/>
    </xf>
    <xf numFmtId="0" fontId="4" fillId="0" borderId="0" xfId="0" applyNumberFormat="1" applyFont="1" applyAlignment="1">
      <alignment horizontal="left" vertical="top" wrapText="1"/>
    </xf>
    <xf numFmtId="0" fontId="4" fillId="0" borderId="14" xfId="0" applyFont="1" applyFill="1" applyBorder="1" applyAlignment="1">
      <alignment vertical="center"/>
    </xf>
    <xf numFmtId="0" fontId="4" fillId="0" borderId="14" xfId="0" applyFont="1" applyFill="1" applyBorder="1" applyAlignment="1">
      <alignment horizontal="left" vertical="center"/>
    </xf>
    <xf numFmtId="0" fontId="4" fillId="6" borderId="14" xfId="0" applyFont="1" applyFill="1" applyBorder="1" applyAlignment="1">
      <alignment vertical="center" wrapText="1"/>
    </xf>
    <xf numFmtId="0" fontId="4" fillId="0" borderId="14" xfId="0" applyFont="1" applyBorder="1" applyAlignment="1">
      <alignment vertical="center" wrapText="1"/>
    </xf>
    <xf numFmtId="0" fontId="7" fillId="0" borderId="0" xfId="0" applyFont="1" applyAlignment="1">
      <alignment horizontal="right" vertical="top" wrapText="1"/>
    </xf>
    <xf numFmtId="49" fontId="2" fillId="0" borderId="24"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0" fontId="7" fillId="0" borderId="14" xfId="0" applyNumberFormat="1" applyFont="1" applyFill="1" applyBorder="1" applyAlignment="1">
      <alignment horizontal="center" vertical="center" wrapText="1"/>
    </xf>
    <xf numFmtId="0" fontId="2" fillId="0" borderId="14" xfId="0" applyFont="1" applyBorder="1" applyAlignment="1">
      <alignment vertical="center"/>
    </xf>
    <xf numFmtId="0" fontId="4" fillId="6" borderId="44" xfId="0" applyFont="1" applyFill="1" applyBorder="1" applyAlignment="1">
      <alignment vertical="center" wrapText="1"/>
    </xf>
    <xf numFmtId="0" fontId="4" fillId="0" borderId="43" xfId="0" applyFont="1" applyFill="1" applyBorder="1" applyAlignment="1">
      <alignment horizontal="left" vertical="center" wrapText="1"/>
    </xf>
    <xf numFmtId="0" fontId="4" fillId="0" borderId="0" xfId="0" applyFont="1" applyFill="1" applyAlignment="1">
      <alignment horizontal="left" vertical="top" wrapText="1"/>
    </xf>
    <xf numFmtId="0" fontId="4" fillId="0" borderId="14" xfId="0" applyFont="1" applyFill="1" applyBorder="1" applyAlignment="1">
      <alignment vertical="center" wrapText="1"/>
    </xf>
    <xf numFmtId="0" fontId="2" fillId="0" borderId="14" xfId="0" applyFont="1" applyFill="1" applyBorder="1" applyAlignment="1">
      <alignment vertical="center"/>
    </xf>
    <xf numFmtId="0" fontId="2" fillId="0" borderId="14" xfId="0" applyFont="1" applyFill="1" applyBorder="1" applyAlignment="1">
      <alignment horizontal="left" vertical="center"/>
    </xf>
    <xf numFmtId="0" fontId="2" fillId="0" borderId="0" xfId="0" applyFont="1" applyFill="1" applyAlignment="1">
      <alignment vertical="center"/>
    </xf>
    <xf numFmtId="49" fontId="2" fillId="0" borderId="38" xfId="0" applyNumberFormat="1" applyFont="1" applyBorder="1" applyAlignment="1">
      <alignment horizontal="center" vertical="center"/>
    </xf>
    <xf numFmtId="49" fontId="2" fillId="0" borderId="38" xfId="0" applyNumberFormat="1" applyFont="1" applyFill="1" applyBorder="1" applyAlignment="1">
      <alignment horizontal="center" vertical="center"/>
    </xf>
    <xf numFmtId="49" fontId="2" fillId="0" borderId="11" xfId="0" applyNumberFormat="1" applyFont="1" applyBorder="1" applyAlignment="1">
      <alignment horizontal="center" vertical="center"/>
    </xf>
    <xf numFmtId="49" fontId="2" fillId="0" borderId="36" xfId="0" applyNumberFormat="1" applyFont="1" applyBorder="1" applyAlignment="1">
      <alignment horizontal="center" vertical="center"/>
    </xf>
    <xf numFmtId="49" fontId="2" fillId="0" borderId="33" xfId="0" applyNumberFormat="1" applyFont="1" applyBorder="1" applyAlignment="1">
      <alignment horizontal="center" vertical="center"/>
    </xf>
    <xf numFmtId="49" fontId="2" fillId="0" borderId="11" xfId="0" applyNumberFormat="1" applyFont="1" applyFill="1" applyBorder="1" applyAlignment="1">
      <alignment horizontal="center" vertical="center"/>
    </xf>
    <xf numFmtId="0" fontId="4" fillId="0" borderId="0" xfId="0" applyFont="1" applyFill="1" applyAlignment="1">
      <alignment horizontal="left" vertical="top"/>
    </xf>
    <xf numFmtId="49" fontId="2" fillId="0" borderId="9" xfId="0" applyNumberFormat="1" applyFont="1" applyFill="1" applyBorder="1" applyAlignment="1">
      <alignment horizontal="center" vertical="center" wrapText="1"/>
    </xf>
    <xf numFmtId="49" fontId="2" fillId="0" borderId="11" xfId="0" applyNumberFormat="1" applyFont="1" applyFill="1" applyBorder="1" applyAlignment="1">
      <alignment horizontal="center" vertical="center" wrapText="1"/>
    </xf>
    <xf numFmtId="49" fontId="2" fillId="0" borderId="33" xfId="0" applyNumberFormat="1" applyFont="1" applyFill="1" applyBorder="1" applyAlignment="1">
      <alignment horizontal="right" vertical="center" wrapText="1"/>
    </xf>
    <xf numFmtId="49" fontId="2" fillId="0" borderId="35" xfId="0" applyNumberFormat="1" applyFont="1" applyFill="1" applyBorder="1" applyAlignment="1">
      <alignment horizontal="center" vertical="center" wrapText="1"/>
    </xf>
    <xf numFmtId="49" fontId="2" fillId="0" borderId="34" xfId="0" applyNumberFormat="1" applyFont="1" applyFill="1" applyBorder="1" applyAlignment="1">
      <alignment horizontal="right" vertical="center" wrapText="1"/>
    </xf>
    <xf numFmtId="49" fontId="2" fillId="0" borderId="37" xfId="0" applyNumberFormat="1" applyFont="1" applyFill="1" applyBorder="1" applyAlignment="1">
      <alignment horizontal="right" vertical="center" wrapText="1"/>
    </xf>
    <xf numFmtId="49" fontId="2" fillId="0" borderId="10" xfId="0" applyNumberFormat="1" applyFont="1" applyFill="1" applyBorder="1" applyAlignment="1">
      <alignment horizontal="right" vertical="center" wrapText="1"/>
    </xf>
    <xf numFmtId="0" fontId="10" fillId="0" borderId="0" xfId="0" applyFont="1" applyBorder="1" applyAlignment="1">
      <alignment horizontal="center" vertical="center" wrapText="1"/>
    </xf>
    <xf numFmtId="0" fontId="4" fillId="0" borderId="13" xfId="0" applyFont="1" applyFill="1" applyBorder="1" applyAlignment="1">
      <alignment horizontal="left" vertical="center" wrapText="1"/>
    </xf>
    <xf numFmtId="0" fontId="4" fillId="0" borderId="7" xfId="0" applyFont="1" applyFill="1" applyBorder="1" applyAlignment="1">
      <alignment vertical="center"/>
    </xf>
    <xf numFmtId="0" fontId="2" fillId="0" borderId="14" xfId="0" applyFont="1" applyFill="1" applyBorder="1" applyAlignment="1">
      <alignment horizontal="left" vertical="center"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55" xfId="0" applyNumberFormat="1" applyFont="1" applyBorder="1" applyAlignment="1">
      <alignment horizontal="center" vertical="center"/>
    </xf>
    <xf numFmtId="0" fontId="4" fillId="0" borderId="29" xfId="0" applyFont="1" applyFill="1" applyBorder="1" applyAlignment="1">
      <alignment horizontal="left" vertical="center" wrapText="1"/>
    </xf>
    <xf numFmtId="49" fontId="2" fillId="0" borderId="56" xfId="0" applyNumberFormat="1" applyFont="1" applyBorder="1" applyAlignment="1">
      <alignment horizontal="center" vertical="center"/>
    </xf>
    <xf numFmtId="0" fontId="4" fillId="0" borderId="44" xfId="0" applyFont="1" applyBorder="1" applyAlignment="1">
      <alignment vertical="center" wrapText="1"/>
    </xf>
    <xf numFmtId="0" fontId="4" fillId="0" borderId="44" xfId="0" applyFont="1" applyFill="1" applyBorder="1" applyAlignment="1">
      <alignment vertical="center"/>
    </xf>
    <xf numFmtId="0" fontId="4" fillId="0" borderId="44" xfId="0" applyFont="1" applyFill="1" applyBorder="1" applyAlignment="1">
      <alignment horizontal="left" vertical="center"/>
    </xf>
    <xf numFmtId="0" fontId="7" fillId="0" borderId="44" xfId="0" applyNumberFormat="1" applyFont="1" applyBorder="1" applyAlignment="1">
      <alignment horizontal="center" vertical="center" wrapText="1"/>
    </xf>
    <xf numFmtId="49" fontId="5" fillId="5" borderId="60" xfId="0" applyNumberFormat="1" applyFont="1" applyFill="1" applyBorder="1" applyAlignment="1">
      <alignment vertical="center" wrapText="1"/>
    </xf>
    <xf numFmtId="49" fontId="2" fillId="0" borderId="55" xfId="0" applyNumberFormat="1" applyFont="1" applyFill="1" applyBorder="1" applyAlignment="1">
      <alignment horizontal="center" vertical="center" wrapText="1"/>
    </xf>
    <xf numFmtId="49" fontId="2" fillId="0" borderId="33" xfId="0" applyNumberFormat="1" applyFont="1" applyFill="1" applyBorder="1" applyAlignment="1">
      <alignment horizontal="center" vertical="center" wrapText="1"/>
    </xf>
    <xf numFmtId="0" fontId="2" fillId="0" borderId="55" xfId="0" applyFont="1" applyBorder="1" applyAlignment="1">
      <alignment vertical="center" wrapText="1"/>
    </xf>
    <xf numFmtId="0" fontId="2" fillId="0" borderId="29" xfId="0" applyFont="1" applyFill="1" applyBorder="1" applyAlignment="1">
      <alignment horizontal="center" vertical="center" wrapText="1"/>
    </xf>
    <xf numFmtId="0" fontId="2" fillId="0" borderId="33" xfId="0" applyFont="1" applyBorder="1" applyAlignment="1">
      <alignment vertical="center" wrapText="1"/>
    </xf>
    <xf numFmtId="0" fontId="2" fillId="0" borderId="44" xfId="0" applyFont="1" applyFill="1" applyBorder="1" applyAlignment="1">
      <alignment horizontal="center" vertical="center" wrapText="1"/>
    </xf>
    <xf numFmtId="0" fontId="2" fillId="3" borderId="62" xfId="0" applyFont="1" applyFill="1" applyBorder="1" applyAlignment="1">
      <alignment horizontal="left" vertical="top" wrapText="1"/>
    </xf>
    <xf numFmtId="0" fontId="2" fillId="3" borderId="64" xfId="0" applyFont="1" applyFill="1" applyBorder="1" applyAlignment="1">
      <alignment horizontal="center" vertical="top" wrapText="1"/>
    </xf>
    <xf numFmtId="0" fontId="2" fillId="3" borderId="65" xfId="0" applyFont="1" applyFill="1" applyBorder="1" applyAlignment="1">
      <alignment horizontal="center" vertical="top" wrapText="1"/>
    </xf>
    <xf numFmtId="0" fontId="4" fillId="0" borderId="0" xfId="0" applyFont="1" applyFill="1" applyBorder="1" applyAlignment="1">
      <alignment horizontal="left" vertical="center"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0" xfId="0" applyNumberFormat="1" applyFont="1" applyFill="1" applyBorder="1" applyAlignment="1">
      <alignment horizontal="center" vertical="center"/>
    </xf>
    <xf numFmtId="0" fontId="4" fillId="0" borderId="0" xfId="0" applyFont="1" applyFill="1" applyBorder="1" applyAlignment="1">
      <alignment horizontal="left" vertical="center"/>
    </xf>
    <xf numFmtId="0" fontId="7"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44" xfId="0" applyFont="1" applyFill="1" applyBorder="1" applyAlignment="1">
      <alignment vertical="center" wrapText="1"/>
    </xf>
    <xf numFmtId="0" fontId="2" fillId="0" borderId="0" xfId="0" applyFont="1" applyFill="1" applyBorder="1" applyAlignment="1">
      <alignment vertical="center"/>
    </xf>
    <xf numFmtId="0" fontId="4" fillId="0" borderId="44" xfId="0" applyFont="1" applyFill="1" applyBorder="1" applyAlignment="1">
      <alignment horizontal="center" vertical="center"/>
    </xf>
    <xf numFmtId="49" fontId="5" fillId="5" borderId="18" xfId="0" applyNumberFormat="1" applyFont="1" applyFill="1" applyBorder="1" applyAlignment="1">
      <alignment vertical="center" wrapText="1"/>
    </xf>
    <xf numFmtId="49" fontId="2" fillId="0" borderId="33" xfId="0" applyNumberFormat="1" applyFont="1" applyFill="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44" xfId="0" applyFont="1" applyFill="1" applyBorder="1" applyAlignment="1">
      <alignment vertical="center" wrapText="1"/>
    </xf>
    <xf numFmtId="0" fontId="2" fillId="0" borderId="57" xfId="0" applyFont="1" applyFill="1" applyBorder="1" applyAlignment="1">
      <alignment vertical="center" wrapText="1"/>
    </xf>
    <xf numFmtId="49" fontId="3" fillId="5" borderId="58" xfId="0" applyNumberFormat="1" applyFont="1" applyFill="1" applyBorder="1" applyAlignment="1">
      <alignment horizontal="left" vertical="center" wrapText="1"/>
    </xf>
    <xf numFmtId="49" fontId="3" fillId="5" borderId="59" xfId="0" applyNumberFormat="1" applyFont="1" applyFill="1" applyBorder="1" applyAlignment="1">
      <alignment horizontal="left" vertical="center" wrapText="1"/>
    </xf>
    <xf numFmtId="49" fontId="2" fillId="0" borderId="44" xfId="0" applyNumberFormat="1" applyFont="1" applyBorder="1" applyAlignment="1">
      <alignment horizontal="left" vertical="center" wrapText="1"/>
    </xf>
    <xf numFmtId="49" fontId="2" fillId="0" borderId="57" xfId="0" applyNumberFormat="1" applyFont="1" applyBorder="1" applyAlignment="1">
      <alignment horizontal="left" vertical="center" wrapText="1"/>
    </xf>
    <xf numFmtId="49" fontId="2" fillId="0" borderId="14" xfId="0" applyNumberFormat="1" applyFont="1" applyFill="1" applyBorder="1" applyAlignment="1">
      <alignment horizontal="left" vertical="center" wrapText="1"/>
    </xf>
    <xf numFmtId="49" fontId="2" fillId="0" borderId="13" xfId="0" applyNumberFormat="1" applyFont="1" applyFill="1" applyBorder="1" applyAlignment="1">
      <alignment horizontal="left" vertical="center" wrapText="1"/>
    </xf>
    <xf numFmtId="49" fontId="2" fillId="0" borderId="14"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12" fillId="0" borderId="8" xfId="0" applyFont="1" applyBorder="1" applyAlignment="1">
      <alignment horizontal="center"/>
    </xf>
    <xf numFmtId="49" fontId="2" fillId="0" borderId="5" xfId="0" applyNumberFormat="1" applyFont="1" applyBorder="1" applyAlignment="1">
      <alignment horizontal="center" vertical="center" wrapText="1"/>
    </xf>
    <xf numFmtId="49" fontId="2" fillId="0" borderId="24" xfId="0" applyNumberFormat="1" applyFont="1" applyBorder="1" applyAlignment="1">
      <alignment horizontal="center" vertical="center" wrapText="1"/>
    </xf>
    <xf numFmtId="49" fontId="2" fillId="0" borderId="5" xfId="0" applyNumberFormat="1" applyFont="1" applyFill="1" applyBorder="1" applyAlignment="1">
      <alignment horizontal="center" vertical="center" wrapText="1"/>
    </xf>
    <xf numFmtId="49" fontId="2" fillId="0" borderId="24" xfId="0" applyNumberFormat="1" applyFont="1" applyFill="1" applyBorder="1" applyAlignment="1">
      <alignment horizontal="center" vertical="center" wrapText="1"/>
    </xf>
    <xf numFmtId="0" fontId="2" fillId="0" borderId="26" xfId="0" applyFont="1" applyBorder="1" applyAlignment="1">
      <alignment horizontal="left" vertical="center" wrapText="1"/>
    </xf>
    <xf numFmtId="0" fontId="2" fillId="0" borderId="53" xfId="0" applyFont="1" applyBorder="1" applyAlignment="1">
      <alignment horizontal="left" vertical="center" wrapText="1"/>
    </xf>
    <xf numFmtId="0" fontId="2" fillId="0" borderId="54" xfId="0" applyFont="1" applyBorder="1" applyAlignment="1">
      <alignment horizontal="left" vertical="center" wrapText="1"/>
    </xf>
    <xf numFmtId="0" fontId="4" fillId="0" borderId="7"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0" borderId="49" xfId="0" applyFont="1" applyFill="1" applyBorder="1" applyAlignment="1">
      <alignment horizontal="left" vertical="center" wrapText="1"/>
    </xf>
    <xf numFmtId="0" fontId="4" fillId="0" borderId="50"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4" fillId="0" borderId="31" xfId="0" applyFont="1" applyFill="1" applyBorder="1" applyAlignment="1">
      <alignment horizontal="left" vertical="center" wrapText="1"/>
    </xf>
    <xf numFmtId="0" fontId="4" fillId="0" borderId="39"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4" fillId="0" borderId="32"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2" fillId="0" borderId="14" xfId="0" applyFont="1" applyFill="1" applyBorder="1" applyAlignment="1">
      <alignment vertical="center" wrapText="1"/>
    </xf>
    <xf numFmtId="0" fontId="2" fillId="0" borderId="13" xfId="0" applyFont="1" applyFill="1" applyBorder="1" applyAlignment="1">
      <alignment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67"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2" borderId="52" xfId="0" applyNumberFormat="1" applyFont="1" applyFill="1" applyBorder="1" applyAlignment="1">
      <alignment horizontal="left" vertical="top" wrapText="1"/>
    </xf>
    <xf numFmtId="0" fontId="4" fillId="0" borderId="23" xfId="0" applyFont="1" applyFill="1" applyBorder="1" applyAlignment="1">
      <alignment horizontal="left" vertical="center" wrapText="1"/>
    </xf>
    <xf numFmtId="0" fontId="4" fillId="0" borderId="16" xfId="0" applyFont="1" applyFill="1" applyBorder="1" applyAlignment="1">
      <alignment horizontal="left" vertical="center" wrapText="1"/>
    </xf>
    <xf numFmtId="0" fontId="4" fillId="0" borderId="45" xfId="0" applyFont="1" applyFill="1" applyBorder="1" applyAlignment="1">
      <alignment horizontal="left" vertical="center" wrapText="1"/>
    </xf>
    <xf numFmtId="0" fontId="4" fillId="0" borderId="6" xfId="0" applyFont="1" applyFill="1" applyBorder="1" applyAlignment="1">
      <alignment horizontal="left" vertical="center"/>
    </xf>
    <xf numFmtId="0" fontId="4" fillId="0" borderId="24" xfId="0" applyFont="1" applyFill="1" applyBorder="1" applyAlignment="1">
      <alignment horizontal="left" vertical="center"/>
    </xf>
    <xf numFmtId="0" fontId="4" fillId="0" borderId="53" xfId="0" applyFont="1" applyFill="1" applyBorder="1" applyAlignment="1">
      <alignment horizontal="left" vertical="center"/>
    </xf>
    <xf numFmtId="0" fontId="4" fillId="0" borderId="27" xfId="0" applyFont="1" applyFill="1" applyBorder="1" applyAlignment="1">
      <alignment horizontal="left" vertical="center"/>
    </xf>
    <xf numFmtId="49" fontId="2" fillId="0" borderId="51" xfId="0" applyNumberFormat="1" applyFont="1" applyBorder="1" applyAlignment="1">
      <alignment horizontal="center" vertical="center" wrapText="1"/>
    </xf>
    <xf numFmtId="49" fontId="2" fillId="0" borderId="66" xfId="0" applyNumberFormat="1" applyFont="1" applyBorder="1" applyAlignment="1">
      <alignment horizontal="center" vertical="center" wrapText="1"/>
    </xf>
    <xf numFmtId="0" fontId="4" fillId="0" borderId="6" xfId="0" applyFont="1" applyFill="1" applyBorder="1" applyAlignment="1">
      <alignment horizontal="center" vertical="center" wrapText="1"/>
    </xf>
    <xf numFmtId="0" fontId="4" fillId="0" borderId="24" xfId="0" applyFont="1" applyFill="1" applyBorder="1" applyAlignment="1">
      <alignment horizontal="center" vertical="center" wrapText="1"/>
    </xf>
    <xf numFmtId="0" fontId="4" fillId="0" borderId="5" xfId="0" applyFont="1" applyFill="1" applyBorder="1" applyAlignment="1">
      <alignment horizontal="left" vertical="center"/>
    </xf>
    <xf numFmtId="14" fontId="11" fillId="0" borderId="0" xfId="0" applyNumberFormat="1" applyFont="1" applyBorder="1" applyAlignment="1">
      <alignment horizontal="left" vertical="top" wrapText="1"/>
    </xf>
    <xf numFmtId="0" fontId="11" fillId="0" borderId="0" xfId="0" applyNumberFormat="1" applyFont="1" applyBorder="1" applyAlignment="1">
      <alignment horizontal="left" vertical="top" wrapText="1"/>
    </xf>
    <xf numFmtId="0" fontId="3" fillId="0" borderId="44"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60" xfId="0" applyFont="1" applyFill="1" applyBorder="1" applyAlignment="1">
      <alignment horizontal="left" vertical="top" wrapText="1"/>
    </xf>
    <xf numFmtId="0" fontId="2" fillId="3" borderId="59" xfId="0" applyFont="1" applyFill="1" applyBorder="1" applyAlignment="1">
      <alignment horizontal="left" vertical="top" wrapText="1"/>
    </xf>
    <xf numFmtId="0" fontId="2" fillId="3" borderId="63" xfId="0" applyFont="1" applyFill="1" applyBorder="1" applyAlignment="1">
      <alignment horizontal="left" vertical="top" wrapText="1"/>
    </xf>
    <xf numFmtId="0" fontId="2" fillId="0" borderId="48" xfId="0" applyFont="1" applyBorder="1" applyAlignment="1">
      <alignment horizontal="left" vertical="center" wrapText="1"/>
    </xf>
    <xf numFmtId="0" fontId="2" fillId="0" borderId="49" xfId="0" applyFont="1" applyBorder="1" applyAlignment="1">
      <alignment horizontal="left" vertical="center" wrapText="1"/>
    </xf>
    <xf numFmtId="0" fontId="2" fillId="0" borderId="50" xfId="0" applyFont="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wrapText="1"/>
    </xf>
    <xf numFmtId="0" fontId="5" fillId="0" borderId="0" xfId="0" applyFont="1" applyFill="1" applyAlignment="1">
      <alignment horizontal="left" wrapText="1"/>
    </xf>
    <xf numFmtId="49" fontId="2" fillId="2" borderId="22"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11" fillId="0" borderId="0" xfId="0" applyNumberFormat="1" applyFont="1" applyBorder="1" applyAlignment="1">
      <alignment horizontal="left" wrapText="1"/>
    </xf>
    <xf numFmtId="0" fontId="3" fillId="0" borderId="29" xfId="0" applyFont="1" applyFill="1" applyBorder="1" applyAlignment="1">
      <alignment horizontal="left" vertical="center" wrapText="1"/>
    </xf>
    <xf numFmtId="0" fontId="2" fillId="0" borderId="29" xfId="0" applyFont="1" applyFill="1" applyBorder="1" applyAlignment="1">
      <alignment vertical="center" wrapText="1"/>
    </xf>
    <xf numFmtId="0" fontId="2" fillId="0" borderId="30" xfId="0" applyFont="1" applyFill="1" applyBorder="1" applyAlignment="1">
      <alignment vertical="center" wrapText="1"/>
    </xf>
    <xf numFmtId="0" fontId="3" fillId="0" borderId="5" xfId="0" applyFont="1" applyFill="1" applyBorder="1" applyAlignment="1">
      <alignment horizontal="left" vertical="center" wrapText="1"/>
    </xf>
    <xf numFmtId="0" fontId="3" fillId="0" borderId="6" xfId="0" applyFont="1" applyFill="1" applyBorder="1" applyAlignment="1">
      <alignment horizontal="left" vertical="center" wrapText="1"/>
    </xf>
    <xf numFmtId="0" fontId="3" fillId="0" borderId="7" xfId="0" applyFont="1" applyFill="1" applyBorder="1" applyAlignment="1">
      <alignment horizontal="left" vertical="center" wrapText="1"/>
    </xf>
    <xf numFmtId="0" fontId="2" fillId="0" borderId="5" xfId="0" applyFont="1" applyFill="1" applyBorder="1" applyAlignment="1">
      <alignment vertical="center" wrapText="1"/>
    </xf>
    <xf numFmtId="0" fontId="2" fillId="0" borderId="24" xfId="0" applyFont="1" applyFill="1" applyBorder="1" applyAlignment="1">
      <alignment vertical="center" wrapText="1"/>
    </xf>
    <xf numFmtId="49" fontId="5" fillId="0" borderId="60" xfId="0" applyNumberFormat="1" applyFont="1" applyFill="1" applyBorder="1" applyAlignment="1">
      <alignment horizontal="center" vertical="center" wrapText="1"/>
    </xf>
    <xf numFmtId="49" fontId="5" fillId="0" borderId="59" xfId="0" applyNumberFormat="1" applyFont="1" applyFill="1" applyBorder="1" applyAlignment="1">
      <alignment horizontal="center" vertical="center" wrapText="1"/>
    </xf>
    <xf numFmtId="49" fontId="5" fillId="0" borderId="61" xfId="0" applyNumberFormat="1" applyFont="1" applyFill="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0" fontId="2" fillId="0" borderId="28" xfId="0" applyFont="1" applyFill="1" applyBorder="1" applyAlignment="1">
      <alignment vertical="center" wrapText="1"/>
    </xf>
    <xf numFmtId="0" fontId="2" fillId="0" borderId="12" xfId="0" applyFont="1" applyFill="1" applyBorder="1" applyAlignment="1">
      <alignment vertical="center" wrapText="1"/>
    </xf>
    <xf numFmtId="0" fontId="2" fillId="0" borderId="48" xfId="0" applyFont="1" applyFill="1" applyBorder="1" applyAlignment="1">
      <alignment vertical="center" wrapText="1"/>
    </xf>
    <xf numFmtId="0" fontId="2" fillId="0" borderId="68" xfId="0" applyFont="1" applyFill="1" applyBorder="1" applyAlignment="1">
      <alignment vertical="center" wrapText="1"/>
    </xf>
    <xf numFmtId="0" fontId="4" fillId="0" borderId="46" xfId="0" applyFont="1" applyFill="1" applyBorder="1" applyAlignment="1">
      <alignment horizontal="left" vertical="center" wrapText="1"/>
    </xf>
    <xf numFmtId="0" fontId="4" fillId="0" borderId="8"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57" xfId="0" applyFont="1" applyFill="1" applyBorder="1" applyAlignment="1">
      <alignment horizontal="center" vertical="center" wrapText="1"/>
    </xf>
    <xf numFmtId="0" fontId="4" fillId="0" borderId="30" xfId="0"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3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9525</xdr:rowOff>
        </xdr:from>
        <xdr:to>
          <xdr:col>0</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0</xdr:rowOff>
        </xdr:from>
        <xdr:to>
          <xdr:col>0</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J150"/>
  <sheetViews>
    <sheetView showGridLines="0" tabSelected="1" zoomScaleNormal="100" workbookViewId="0">
      <selection activeCell="B125" sqref="B125:G125"/>
    </sheetView>
  </sheetViews>
  <sheetFormatPr defaultRowHeight="12.75" x14ac:dyDescent="0.2"/>
  <cols>
    <col min="1" max="1" width="13.5703125" style="1" customWidth="1"/>
    <col min="2" max="2" width="70.42578125" style="1" customWidth="1"/>
    <col min="3" max="3" width="12.5703125" style="1" customWidth="1"/>
    <col min="4" max="4" width="13" style="1" customWidth="1"/>
    <col min="5" max="5" width="14.140625" style="1" customWidth="1"/>
    <col min="6" max="6" width="12.5703125" style="1" customWidth="1"/>
    <col min="7" max="7" width="17.140625" style="8" customWidth="1"/>
    <col min="8" max="8" width="13.7109375" style="8" customWidth="1"/>
    <col min="9" max="9" width="22.42578125" style="2" customWidth="1"/>
    <col min="10" max="10" width="17.140625" style="1" customWidth="1"/>
    <col min="11" max="11" width="9.140625" style="1"/>
    <col min="12" max="12" width="9.140625" style="1" customWidth="1"/>
    <col min="13" max="16384" width="9.140625" style="1"/>
  </cols>
  <sheetData>
    <row r="1" spans="1:9" ht="24" customHeight="1" x14ac:dyDescent="0.2">
      <c r="A1" s="113" t="s">
        <v>46</v>
      </c>
      <c r="B1" s="113"/>
      <c r="C1" s="113"/>
      <c r="D1" s="113"/>
      <c r="E1" s="113"/>
      <c r="F1" s="113"/>
      <c r="G1" s="113"/>
      <c r="H1" s="113"/>
      <c r="I1" s="113"/>
    </row>
    <row r="2" spans="1:9" ht="23.25" customHeight="1" x14ac:dyDescent="0.2">
      <c r="A2" s="112" t="s">
        <v>44</v>
      </c>
      <c r="B2" s="112"/>
      <c r="C2" s="112"/>
      <c r="D2" s="112"/>
      <c r="E2" s="112"/>
      <c r="F2" s="112"/>
      <c r="G2" s="112"/>
      <c r="H2" s="112"/>
      <c r="I2" s="112"/>
    </row>
    <row r="3" spans="1:9" ht="45" customHeight="1" x14ac:dyDescent="0.2">
      <c r="A3" s="181" t="s">
        <v>50</v>
      </c>
      <c r="B3" s="181"/>
      <c r="C3" s="181"/>
      <c r="D3" s="181"/>
      <c r="E3" s="181"/>
      <c r="F3" s="181"/>
      <c r="G3" s="181"/>
      <c r="H3" s="181"/>
      <c r="I3" s="181"/>
    </row>
    <row r="4" spans="1:9" ht="24.95" customHeight="1" x14ac:dyDescent="0.2">
      <c r="A4" s="39" t="s">
        <v>49</v>
      </c>
      <c r="B4" s="110"/>
      <c r="C4" s="110"/>
      <c r="D4" s="110"/>
      <c r="E4" s="110"/>
      <c r="F4" s="110"/>
      <c r="G4" s="36"/>
      <c r="H4" s="36"/>
      <c r="I4" s="36"/>
    </row>
    <row r="5" spans="1:9" ht="24.95" customHeight="1" x14ac:dyDescent="0.2">
      <c r="A5" s="39" t="s">
        <v>47</v>
      </c>
      <c r="B5" s="111"/>
      <c r="C5" s="111"/>
      <c r="D5" s="111"/>
      <c r="E5" s="111"/>
      <c r="F5" s="111"/>
      <c r="G5" s="36"/>
      <c r="H5" s="36"/>
      <c r="I5" s="36"/>
    </row>
    <row r="6" spans="1:9" ht="5.0999999999999996" customHeight="1" x14ac:dyDescent="0.2">
      <c r="A6" s="36"/>
      <c r="B6" s="36"/>
      <c r="C6" s="36"/>
      <c r="D6" s="36"/>
      <c r="E6" s="36"/>
      <c r="F6" s="36"/>
      <c r="G6" s="36"/>
      <c r="H6" s="36"/>
      <c r="I6" s="36"/>
    </row>
    <row r="7" spans="1:9" s="2" customFormat="1" ht="20.100000000000001" customHeight="1" x14ac:dyDescent="0.25">
      <c r="A7" s="119" t="s">
        <v>4</v>
      </c>
      <c r="B7" s="119"/>
      <c r="C7" s="119"/>
      <c r="D7" s="119"/>
      <c r="E7" s="119"/>
      <c r="F7" s="119"/>
      <c r="G7" s="119"/>
      <c r="H7" s="119"/>
      <c r="I7" s="119"/>
    </row>
    <row r="8" spans="1:9" s="2" customFormat="1" ht="20.100000000000001" customHeight="1" x14ac:dyDescent="0.25">
      <c r="A8" s="182" t="s">
        <v>8</v>
      </c>
      <c r="B8" s="182"/>
      <c r="C8" s="182"/>
      <c r="D8" s="182"/>
      <c r="E8" s="182"/>
      <c r="F8" s="182"/>
      <c r="G8" s="182"/>
      <c r="H8" s="182"/>
      <c r="I8" s="182"/>
    </row>
    <row r="9" spans="1:9" ht="17.25" customHeight="1" x14ac:dyDescent="0.2">
      <c r="A9" s="183" t="s">
        <v>114</v>
      </c>
      <c r="B9" s="183"/>
      <c r="C9" s="183"/>
      <c r="D9" s="183"/>
      <c r="E9" s="183"/>
      <c r="F9" s="183"/>
      <c r="G9" s="183"/>
      <c r="H9" s="183"/>
      <c r="I9" s="183"/>
    </row>
    <row r="10" spans="1:9" ht="4.5" customHeight="1" x14ac:dyDescent="0.2">
      <c r="A10" s="38"/>
      <c r="B10" s="38"/>
      <c r="C10" s="44"/>
      <c r="D10" s="44"/>
      <c r="E10" s="44"/>
      <c r="F10" s="44"/>
      <c r="G10" s="38"/>
      <c r="H10" s="38"/>
      <c r="I10" s="38"/>
    </row>
    <row r="11" spans="1:9" s="2" customFormat="1" ht="20.100000000000001" customHeight="1" x14ac:dyDescent="0.25">
      <c r="A11" s="184" t="s">
        <v>9</v>
      </c>
      <c r="B11" s="184"/>
      <c r="C11" s="184"/>
      <c r="D11" s="184"/>
      <c r="E11" s="184"/>
      <c r="F11" s="184"/>
      <c r="G11" s="184"/>
      <c r="H11" s="184"/>
      <c r="I11" s="184"/>
    </row>
    <row r="12" spans="1:9" s="2" customFormat="1" ht="18" customHeight="1" x14ac:dyDescent="0.2">
      <c r="A12" s="114" t="s">
        <v>82</v>
      </c>
      <c r="B12" s="114"/>
      <c r="C12" s="114"/>
      <c r="D12" s="114"/>
      <c r="E12" s="114"/>
      <c r="F12" s="114"/>
      <c r="G12" s="114"/>
      <c r="H12" s="15"/>
      <c r="I12" s="15"/>
    </row>
    <row r="13" spans="1:9" s="2" customFormat="1" ht="18" customHeight="1" x14ac:dyDescent="0.2">
      <c r="A13" s="114" t="s">
        <v>80</v>
      </c>
      <c r="B13" s="114"/>
      <c r="C13" s="114"/>
      <c r="D13" s="114"/>
      <c r="E13" s="114"/>
      <c r="F13" s="114"/>
      <c r="G13" s="114"/>
      <c r="H13" s="15"/>
      <c r="I13" s="15"/>
    </row>
    <row r="14" spans="1:9" s="2" customFormat="1" ht="18" customHeight="1" x14ac:dyDescent="0.2">
      <c r="A14" s="67" t="s">
        <v>81</v>
      </c>
      <c r="B14" s="67"/>
      <c r="C14" s="56"/>
      <c r="D14" s="56"/>
      <c r="E14" s="56"/>
      <c r="F14" s="56"/>
      <c r="G14" s="56"/>
      <c r="H14" s="15"/>
      <c r="I14" s="15"/>
    </row>
    <row r="15" spans="1:9" s="3" customFormat="1" ht="18" customHeight="1" x14ac:dyDescent="0.25">
      <c r="A15" s="114" t="s">
        <v>25</v>
      </c>
      <c r="B15" s="114"/>
      <c r="C15" s="114"/>
      <c r="D15" s="114"/>
      <c r="E15" s="114"/>
      <c r="F15" s="114"/>
      <c r="G15" s="114"/>
      <c r="H15" s="17"/>
      <c r="I15" s="18"/>
    </row>
    <row r="16" spans="1:9" ht="13.5" customHeight="1" x14ac:dyDescent="0.2">
      <c r="A16" s="37" t="s">
        <v>10</v>
      </c>
      <c r="B16" s="19"/>
      <c r="C16" s="19"/>
      <c r="D16" s="19"/>
      <c r="E16" s="19"/>
      <c r="F16" s="19"/>
      <c r="G16" s="19"/>
      <c r="H16" s="20"/>
      <c r="I16" s="20"/>
    </row>
    <row r="17" spans="1:9" s="3" customFormat="1" ht="18.75" customHeight="1" x14ac:dyDescent="0.25">
      <c r="A17" s="197" t="s">
        <v>77</v>
      </c>
      <c r="B17" s="197"/>
      <c r="C17" s="197"/>
      <c r="D17" s="197"/>
      <c r="E17" s="197"/>
      <c r="F17" s="197"/>
      <c r="G17" s="197"/>
      <c r="H17" s="17"/>
      <c r="I17" s="18"/>
    </row>
    <row r="18" spans="1:9" ht="5.0999999999999996" customHeight="1" x14ac:dyDescent="0.2">
      <c r="A18" s="198"/>
      <c r="B18" s="198"/>
      <c r="C18" s="198"/>
      <c r="D18" s="198"/>
      <c r="E18" s="198"/>
      <c r="F18" s="198"/>
      <c r="G18" s="198"/>
      <c r="I18" s="16"/>
    </row>
    <row r="19" spans="1:9" s="2" customFormat="1" ht="20.100000000000001" customHeight="1" x14ac:dyDescent="0.25">
      <c r="A19" s="119" t="s">
        <v>22</v>
      </c>
      <c r="B19" s="119"/>
      <c r="C19" s="119"/>
      <c r="D19" s="119"/>
      <c r="E19" s="119"/>
      <c r="F19" s="119"/>
      <c r="G19" s="119"/>
      <c r="H19" s="119"/>
      <c r="I19" s="119"/>
    </row>
    <row r="20" spans="1:9" s="2" customFormat="1" ht="28.5" customHeight="1" x14ac:dyDescent="0.2">
      <c r="A20" s="199" t="s">
        <v>115</v>
      </c>
      <c r="B20" s="200"/>
      <c r="C20" s="200"/>
      <c r="D20" s="200"/>
      <c r="E20" s="200"/>
      <c r="F20" s="200"/>
      <c r="G20" s="200"/>
      <c r="H20" s="200"/>
      <c r="I20" s="200"/>
    </row>
    <row r="21" spans="1:9" s="2" customFormat="1" ht="20.100000000000001" customHeight="1" x14ac:dyDescent="0.25">
      <c r="A21" s="119" t="s">
        <v>23</v>
      </c>
      <c r="B21" s="119"/>
      <c r="C21" s="119"/>
      <c r="D21" s="119"/>
      <c r="E21" s="119"/>
      <c r="F21" s="119"/>
      <c r="G21" s="119"/>
      <c r="H21" s="119"/>
      <c r="I21" s="119"/>
    </row>
    <row r="22" spans="1:9" s="9" customFormat="1" ht="20.100000000000001" customHeight="1" x14ac:dyDescent="0.25">
      <c r="A22" s="190" t="s">
        <v>5</v>
      </c>
      <c r="B22" s="190"/>
      <c r="C22" s="190"/>
      <c r="D22" s="190"/>
      <c r="E22" s="190"/>
      <c r="F22" s="190"/>
      <c r="G22" s="190"/>
      <c r="H22" s="190"/>
      <c r="I22" s="190"/>
    </row>
    <row r="23" spans="1:9" s="9" customFormat="1" ht="20.100000000000001" customHeight="1" x14ac:dyDescent="0.25">
      <c r="A23" s="115" t="s">
        <v>16</v>
      </c>
      <c r="B23" s="116"/>
      <c r="C23" s="43"/>
      <c r="D23" s="43"/>
      <c r="E23" s="43"/>
      <c r="F23" s="43"/>
      <c r="G23" s="14"/>
      <c r="H23" s="14"/>
      <c r="I23" s="14"/>
    </row>
    <row r="24" spans="1:9" s="9" customFormat="1" ht="20.100000000000001" customHeight="1" x14ac:dyDescent="0.25">
      <c r="A24" s="13"/>
      <c r="B24" s="13" t="s">
        <v>20</v>
      </c>
      <c r="C24" s="13"/>
      <c r="D24" s="13"/>
      <c r="E24" s="13"/>
      <c r="F24" s="13"/>
      <c r="G24" s="14"/>
      <c r="H24" s="14"/>
      <c r="I24" s="14"/>
    </row>
    <row r="25" spans="1:9" s="9" customFormat="1" ht="20.100000000000001" customHeight="1" x14ac:dyDescent="0.25">
      <c r="A25" s="13"/>
      <c r="B25" s="13" t="s">
        <v>21</v>
      </c>
      <c r="C25" s="13"/>
      <c r="D25" s="13"/>
      <c r="E25" s="13"/>
      <c r="F25" s="13"/>
      <c r="G25" s="14"/>
      <c r="H25" s="14"/>
      <c r="I25" s="14"/>
    </row>
    <row r="26" spans="1:9" s="9" customFormat="1" ht="20.100000000000001" customHeight="1" thickBot="1" x14ac:dyDescent="0.3">
      <c r="A26" s="115" t="s">
        <v>17</v>
      </c>
      <c r="B26" s="116"/>
      <c r="C26" s="43"/>
      <c r="D26" s="43"/>
      <c r="E26" s="43"/>
      <c r="F26" s="43"/>
      <c r="G26" s="14"/>
      <c r="H26" s="14"/>
      <c r="I26" s="14"/>
    </row>
    <row r="27" spans="1:9" s="9" customFormat="1" ht="37.5" customHeight="1" thickBot="1" x14ac:dyDescent="0.3">
      <c r="A27" s="95" t="s">
        <v>18</v>
      </c>
      <c r="B27" s="191" t="s">
        <v>12</v>
      </c>
      <c r="C27" s="192"/>
      <c r="D27" s="192"/>
      <c r="E27" s="192"/>
      <c r="F27" s="192"/>
      <c r="G27" s="193"/>
      <c r="H27" s="96" t="s">
        <v>11</v>
      </c>
      <c r="I27" s="97" t="s">
        <v>147</v>
      </c>
    </row>
    <row r="28" spans="1:9" s="9" customFormat="1" ht="24.95" customHeight="1" x14ac:dyDescent="0.25">
      <c r="A28" s="93" t="s">
        <v>1</v>
      </c>
      <c r="B28" s="194" t="s">
        <v>124</v>
      </c>
      <c r="C28" s="195"/>
      <c r="D28" s="195"/>
      <c r="E28" s="195"/>
      <c r="F28" s="195"/>
      <c r="G28" s="196"/>
      <c r="H28" s="94" t="s">
        <v>0</v>
      </c>
      <c r="I28" s="224">
        <v>10</v>
      </c>
    </row>
    <row r="29" spans="1:9" s="9" customFormat="1" ht="24.95" customHeight="1" thickBot="1" x14ac:dyDescent="0.3">
      <c r="A29" s="91" t="s">
        <v>83</v>
      </c>
      <c r="B29" s="141" t="s">
        <v>125</v>
      </c>
      <c r="C29" s="142"/>
      <c r="D29" s="142"/>
      <c r="E29" s="142"/>
      <c r="F29" s="142"/>
      <c r="G29" s="143"/>
      <c r="H29" s="92" t="s">
        <v>0</v>
      </c>
      <c r="I29" s="225">
        <v>220</v>
      </c>
    </row>
    <row r="30" spans="1:9" s="9" customFormat="1" ht="20.100000000000001" customHeight="1" x14ac:dyDescent="0.25">
      <c r="A30" s="115" t="s">
        <v>19</v>
      </c>
      <c r="B30" s="116"/>
      <c r="C30" s="43"/>
      <c r="D30" s="43"/>
      <c r="E30" s="43"/>
      <c r="F30" s="43"/>
      <c r="G30" s="14"/>
      <c r="H30" s="14"/>
      <c r="I30" s="14"/>
    </row>
    <row r="31" spans="1:9" s="9" customFormat="1" ht="20.100000000000001" customHeight="1" x14ac:dyDescent="0.2">
      <c r="A31" s="10"/>
      <c r="B31" s="9" t="s">
        <v>2</v>
      </c>
      <c r="G31" s="14"/>
      <c r="H31" s="14"/>
      <c r="I31" s="14"/>
    </row>
    <row r="32" spans="1:9" s="9" customFormat="1" ht="20.100000000000001" customHeight="1" x14ac:dyDescent="0.25">
      <c r="A32" s="13"/>
      <c r="B32" s="2" t="s">
        <v>3</v>
      </c>
      <c r="C32" s="2"/>
      <c r="D32" s="2"/>
      <c r="E32" s="2"/>
      <c r="F32" s="2"/>
      <c r="G32" s="14"/>
      <c r="H32" s="14"/>
      <c r="I32" s="14"/>
    </row>
    <row r="33" spans="1:10" ht="5.0999999999999996" customHeight="1" x14ac:dyDescent="0.2"/>
    <row r="34" spans="1:10" s="2" customFormat="1" ht="20.100000000000001" customHeight="1" x14ac:dyDescent="0.25">
      <c r="A34" s="119" t="s">
        <v>24</v>
      </c>
      <c r="B34" s="119"/>
      <c r="C34" s="119"/>
      <c r="D34" s="119"/>
      <c r="E34" s="119"/>
      <c r="F34" s="119"/>
      <c r="G34" s="119"/>
      <c r="H34" s="119"/>
      <c r="I34" s="119"/>
    </row>
    <row r="35" spans="1:10" s="2" customFormat="1" ht="5.0999999999999996" customHeight="1" thickBot="1" x14ac:dyDescent="0.3">
      <c r="A35" s="16"/>
      <c r="G35" s="6"/>
      <c r="H35" s="6"/>
      <c r="I35" s="6"/>
    </row>
    <row r="36" spans="1:10" s="3" customFormat="1" ht="64.5" customHeight="1" x14ac:dyDescent="0.25">
      <c r="A36" s="159" t="s">
        <v>79</v>
      </c>
      <c r="B36" s="160"/>
      <c r="C36" s="99"/>
      <c r="D36" s="99"/>
      <c r="E36" s="99"/>
      <c r="F36" s="99"/>
      <c r="G36" s="185" t="s">
        <v>146</v>
      </c>
      <c r="H36" s="186"/>
      <c r="I36" s="187"/>
      <c r="J36" s="21"/>
    </row>
    <row r="37" spans="1:10" s="3" customFormat="1" ht="30" customHeight="1" thickBot="1" x14ac:dyDescent="0.3">
      <c r="A37" s="162"/>
      <c r="B37" s="163"/>
      <c r="C37" s="100"/>
      <c r="D37" s="100"/>
      <c r="E37" s="100"/>
      <c r="F37" s="100"/>
      <c r="G37" s="22" t="s">
        <v>26</v>
      </c>
      <c r="H37" s="188" t="s">
        <v>27</v>
      </c>
      <c r="I37" s="189"/>
    </row>
    <row r="38" spans="1:10" s="23" customFormat="1" ht="30" customHeight="1" thickBot="1" x14ac:dyDescent="0.3">
      <c r="A38" s="125" t="s">
        <v>116</v>
      </c>
      <c r="B38" s="126"/>
      <c r="C38" s="88" t="s">
        <v>73</v>
      </c>
      <c r="D38" s="88" t="s">
        <v>74</v>
      </c>
      <c r="E38" s="88" t="s">
        <v>75</v>
      </c>
      <c r="F38" s="88" t="s">
        <v>76</v>
      </c>
      <c r="G38" s="212"/>
      <c r="H38" s="213"/>
      <c r="I38" s="214"/>
    </row>
    <row r="39" spans="1:10" s="4" customFormat="1" ht="24.6" customHeight="1" x14ac:dyDescent="0.25">
      <c r="A39" s="83" t="s">
        <v>14</v>
      </c>
      <c r="B39" s="84" t="s">
        <v>84</v>
      </c>
      <c r="C39" s="85" t="s">
        <v>0</v>
      </c>
      <c r="D39" s="86"/>
      <c r="E39" s="86"/>
      <c r="F39" s="107">
        <v>10</v>
      </c>
      <c r="G39" s="87"/>
      <c r="H39" s="127"/>
      <c r="I39" s="128"/>
    </row>
    <row r="40" spans="1:10" s="4" customFormat="1" ht="24.6" customHeight="1" x14ac:dyDescent="0.25">
      <c r="A40" s="62" t="s">
        <v>54</v>
      </c>
      <c r="B40" s="57" t="s">
        <v>127</v>
      </c>
      <c r="C40" s="45" t="s">
        <v>89</v>
      </c>
      <c r="D40" s="59" t="s">
        <v>130</v>
      </c>
      <c r="E40" s="59"/>
      <c r="F40" s="46"/>
      <c r="G40" s="41"/>
      <c r="H40" s="131"/>
      <c r="I40" s="132"/>
    </row>
    <row r="41" spans="1:10" s="4" customFormat="1" ht="24.6" customHeight="1" x14ac:dyDescent="0.25">
      <c r="A41" s="62" t="s">
        <v>55</v>
      </c>
      <c r="B41" s="57" t="s">
        <v>128</v>
      </c>
      <c r="C41" s="45" t="s">
        <v>131</v>
      </c>
      <c r="D41" s="46"/>
      <c r="E41" s="46" t="s">
        <v>133</v>
      </c>
      <c r="F41" s="46"/>
      <c r="G41" s="41"/>
      <c r="H41" s="131"/>
      <c r="I41" s="132"/>
    </row>
    <row r="42" spans="1:10" s="4" customFormat="1" ht="24.6" customHeight="1" x14ac:dyDescent="0.25">
      <c r="A42" s="61" t="s">
        <v>56</v>
      </c>
      <c r="B42" s="57" t="s">
        <v>111</v>
      </c>
      <c r="C42" s="45" t="s">
        <v>85</v>
      </c>
      <c r="D42" s="46">
        <v>2</v>
      </c>
      <c r="E42" s="46"/>
      <c r="F42" s="46"/>
      <c r="G42" s="41"/>
      <c r="H42" s="131"/>
      <c r="I42" s="132"/>
    </row>
    <row r="43" spans="1:10" s="60" customFormat="1" ht="24.6" customHeight="1" x14ac:dyDescent="0.25">
      <c r="A43" s="62" t="s">
        <v>57</v>
      </c>
      <c r="B43" s="57" t="s">
        <v>87</v>
      </c>
      <c r="C43" s="58" t="s">
        <v>85</v>
      </c>
      <c r="D43" s="59">
        <v>5</v>
      </c>
      <c r="E43" s="59">
        <v>5.7</v>
      </c>
      <c r="F43" s="59"/>
      <c r="G43" s="52"/>
      <c r="H43" s="129"/>
      <c r="I43" s="130"/>
    </row>
    <row r="44" spans="1:10" s="4" customFormat="1" ht="24.6" customHeight="1" x14ac:dyDescent="0.25">
      <c r="A44" s="61" t="s">
        <v>58</v>
      </c>
      <c r="B44" s="57" t="s">
        <v>88</v>
      </c>
      <c r="C44" s="58" t="s">
        <v>85</v>
      </c>
      <c r="D44" s="59">
        <v>2</v>
      </c>
      <c r="E44" s="59"/>
      <c r="F44" s="58"/>
      <c r="G44" s="41"/>
      <c r="H44" s="131"/>
      <c r="I44" s="132"/>
    </row>
    <row r="45" spans="1:10" s="60" customFormat="1" ht="24.6" customHeight="1" x14ac:dyDescent="0.25">
      <c r="A45" s="62" t="s">
        <v>59</v>
      </c>
      <c r="B45" s="57" t="s">
        <v>129</v>
      </c>
      <c r="C45" s="58" t="s">
        <v>89</v>
      </c>
      <c r="D45" s="59" t="s">
        <v>132</v>
      </c>
      <c r="E45" s="59" t="s">
        <v>134</v>
      </c>
      <c r="F45" s="59"/>
      <c r="G45" s="52"/>
      <c r="H45" s="129"/>
      <c r="I45" s="130"/>
    </row>
    <row r="46" spans="1:10" s="4" customFormat="1" ht="24.6" customHeight="1" x14ac:dyDescent="0.25">
      <c r="A46" s="61" t="s">
        <v>60</v>
      </c>
      <c r="B46" s="57" t="s">
        <v>90</v>
      </c>
      <c r="C46" s="58" t="s">
        <v>91</v>
      </c>
      <c r="D46" s="59"/>
      <c r="E46" s="59"/>
      <c r="F46" s="58"/>
      <c r="G46" s="41"/>
      <c r="H46" s="131"/>
      <c r="I46" s="132"/>
    </row>
    <row r="47" spans="1:10" s="4" customFormat="1" ht="24.6" customHeight="1" x14ac:dyDescent="0.25">
      <c r="A47" s="65" t="s">
        <v>61</v>
      </c>
      <c r="B47" s="105" t="s">
        <v>92</v>
      </c>
      <c r="C47" s="58" t="s">
        <v>91</v>
      </c>
      <c r="D47" s="59"/>
      <c r="E47" s="59">
        <v>5.5</v>
      </c>
      <c r="F47" s="58"/>
      <c r="G47" s="41"/>
      <c r="H47" s="131"/>
      <c r="I47" s="132"/>
    </row>
    <row r="48" spans="1:10" s="4" customFormat="1" ht="24.6" customHeight="1" x14ac:dyDescent="0.25">
      <c r="A48" s="63" t="s">
        <v>78</v>
      </c>
      <c r="B48" s="25" t="s">
        <v>93</v>
      </c>
      <c r="C48" s="25" t="s">
        <v>91</v>
      </c>
      <c r="D48" s="25"/>
      <c r="E48" s="59" t="s">
        <v>94</v>
      </c>
      <c r="F48" s="25"/>
      <c r="G48" s="41"/>
      <c r="H48" s="137"/>
      <c r="I48" s="138"/>
    </row>
    <row r="49" spans="1:9" s="60" customFormat="1" ht="24.6" customHeight="1" x14ac:dyDescent="0.25">
      <c r="A49" s="66" t="s">
        <v>62</v>
      </c>
      <c r="B49" s="25" t="s">
        <v>95</v>
      </c>
      <c r="C49" s="25" t="s">
        <v>85</v>
      </c>
      <c r="D49" s="25">
        <v>6</v>
      </c>
      <c r="E49" s="25"/>
      <c r="F49" s="25"/>
      <c r="G49" s="52"/>
      <c r="H49" s="139"/>
      <c r="I49" s="140"/>
    </row>
    <row r="50" spans="1:9" s="4" customFormat="1" ht="24.6" customHeight="1" x14ac:dyDescent="0.25">
      <c r="A50" s="63" t="s">
        <v>63</v>
      </c>
      <c r="B50" s="25" t="s">
        <v>96</v>
      </c>
      <c r="C50" s="25" t="s">
        <v>86</v>
      </c>
      <c r="D50" s="25">
        <v>41</v>
      </c>
      <c r="E50" s="25"/>
      <c r="F50" s="25"/>
      <c r="G50" s="41"/>
      <c r="H50" s="137"/>
      <c r="I50" s="138"/>
    </row>
    <row r="51" spans="1:9" s="4" customFormat="1" ht="24.6" customHeight="1" x14ac:dyDescent="0.25">
      <c r="A51" s="63" t="s">
        <v>64</v>
      </c>
      <c r="B51" s="25" t="s">
        <v>97</v>
      </c>
      <c r="C51" s="25" t="s">
        <v>91</v>
      </c>
      <c r="D51" s="25" t="s">
        <v>98</v>
      </c>
      <c r="E51" s="106"/>
      <c r="F51" s="25"/>
      <c r="G51" s="41"/>
      <c r="H51" s="137"/>
      <c r="I51" s="138"/>
    </row>
    <row r="52" spans="1:9" s="4" customFormat="1" ht="24.6" customHeight="1" x14ac:dyDescent="0.25">
      <c r="A52" s="64" t="s">
        <v>65</v>
      </c>
      <c r="B52" s="55" t="s">
        <v>99</v>
      </c>
      <c r="C52" s="25" t="s">
        <v>91</v>
      </c>
      <c r="D52" s="25">
        <v>2.0499999999999998</v>
      </c>
      <c r="E52" s="25"/>
      <c r="F52" s="25"/>
      <c r="G52" s="41"/>
      <c r="H52" s="137"/>
      <c r="I52" s="138"/>
    </row>
    <row r="53" spans="1:9" s="4" customFormat="1" ht="24.6" customHeight="1" x14ac:dyDescent="0.25">
      <c r="A53" s="63" t="s">
        <v>66</v>
      </c>
      <c r="B53" s="25" t="s">
        <v>100</v>
      </c>
      <c r="C53" s="168" t="s">
        <v>101</v>
      </c>
      <c r="D53" s="168"/>
      <c r="E53" s="168"/>
      <c r="F53" s="169"/>
      <c r="G53" s="41"/>
      <c r="H53" s="137"/>
      <c r="I53" s="138"/>
    </row>
    <row r="54" spans="1:9" s="4" customFormat="1" ht="24.6" customHeight="1" x14ac:dyDescent="0.25">
      <c r="A54" s="63" t="s">
        <v>102</v>
      </c>
      <c r="B54" s="25" t="s">
        <v>103</v>
      </c>
      <c r="C54" s="168" t="s">
        <v>135</v>
      </c>
      <c r="D54" s="168"/>
      <c r="E54" s="168"/>
      <c r="F54" s="169"/>
      <c r="G54" s="41"/>
      <c r="H54" s="137"/>
      <c r="I54" s="138"/>
    </row>
    <row r="55" spans="1:9" s="60" customFormat="1" ht="24.6" customHeight="1" x14ac:dyDescent="0.25">
      <c r="A55" s="62" t="s">
        <v>104</v>
      </c>
      <c r="B55" s="133" t="s">
        <v>105</v>
      </c>
      <c r="C55" s="134"/>
      <c r="D55" s="134"/>
      <c r="E55" s="134"/>
      <c r="F55" s="134"/>
      <c r="G55" s="174"/>
      <c r="H55" s="174"/>
      <c r="I55" s="175"/>
    </row>
    <row r="56" spans="1:9" s="4" customFormat="1" ht="24.6" customHeight="1" x14ac:dyDescent="0.25">
      <c r="A56" s="63" t="s">
        <v>69</v>
      </c>
      <c r="B56" s="25" t="s">
        <v>110</v>
      </c>
      <c r="C56" s="25" t="s">
        <v>89</v>
      </c>
      <c r="D56" s="25">
        <v>120</v>
      </c>
      <c r="E56" s="25"/>
      <c r="F56" s="76"/>
      <c r="G56" s="41"/>
      <c r="H56" s="131"/>
      <c r="I56" s="132"/>
    </row>
    <row r="57" spans="1:9" s="4" customFormat="1" ht="24.6" customHeight="1" x14ac:dyDescent="0.25">
      <c r="A57" s="63" t="s">
        <v>70</v>
      </c>
      <c r="B57" s="25" t="s">
        <v>106</v>
      </c>
      <c r="C57" s="25" t="s">
        <v>85</v>
      </c>
      <c r="D57" s="25">
        <v>3</v>
      </c>
      <c r="E57" s="25">
        <v>100</v>
      </c>
      <c r="F57" s="76"/>
      <c r="G57" s="41"/>
      <c r="H57" s="131"/>
      <c r="I57" s="132"/>
    </row>
    <row r="58" spans="1:9" s="4" customFormat="1" ht="24.6" customHeight="1" x14ac:dyDescent="0.25">
      <c r="A58" s="66" t="s">
        <v>71</v>
      </c>
      <c r="B58" s="25" t="s">
        <v>138</v>
      </c>
      <c r="C58" s="25" t="s">
        <v>89</v>
      </c>
      <c r="D58" s="133" t="s">
        <v>136</v>
      </c>
      <c r="E58" s="134"/>
      <c r="F58" s="135"/>
      <c r="G58" s="41"/>
      <c r="H58" s="137"/>
      <c r="I58" s="138"/>
    </row>
    <row r="59" spans="1:9" s="4" customFormat="1" ht="24.6" customHeight="1" x14ac:dyDescent="0.25">
      <c r="A59" s="63" t="s">
        <v>72</v>
      </c>
      <c r="B59" s="25" t="s">
        <v>108</v>
      </c>
      <c r="C59" s="168" t="s">
        <v>107</v>
      </c>
      <c r="D59" s="168"/>
      <c r="E59" s="168"/>
      <c r="F59" s="169"/>
      <c r="G59" s="41"/>
      <c r="H59" s="137"/>
      <c r="I59" s="138"/>
    </row>
    <row r="60" spans="1:9" s="4" customFormat="1" ht="24.6" customHeight="1" thickBot="1" x14ac:dyDescent="0.3">
      <c r="A60" s="63" t="s">
        <v>126</v>
      </c>
      <c r="B60" s="25" t="s">
        <v>109</v>
      </c>
      <c r="C60" s="168" t="s">
        <v>137</v>
      </c>
      <c r="D60" s="168"/>
      <c r="E60" s="168"/>
      <c r="F60" s="169"/>
      <c r="G60" s="41"/>
      <c r="H60" s="215"/>
      <c r="I60" s="216"/>
    </row>
    <row r="61" spans="1:9" s="23" customFormat="1" ht="30.75" customHeight="1" thickBot="1" x14ac:dyDescent="0.3">
      <c r="A61" s="125" t="s">
        <v>144</v>
      </c>
      <c r="B61" s="126"/>
      <c r="C61" s="108" t="s">
        <v>73</v>
      </c>
      <c r="D61" s="108" t="s">
        <v>74</v>
      </c>
      <c r="E61" s="108" t="s">
        <v>75</v>
      </c>
      <c r="F61" s="88" t="s">
        <v>76</v>
      </c>
      <c r="G61" s="212"/>
      <c r="H61" s="213"/>
      <c r="I61" s="214"/>
    </row>
    <row r="62" spans="1:9" s="4" customFormat="1" ht="24.6" customHeight="1" x14ac:dyDescent="0.25">
      <c r="A62" s="83" t="s">
        <v>14</v>
      </c>
      <c r="B62" s="84" t="s">
        <v>84</v>
      </c>
      <c r="C62" s="45" t="s">
        <v>0</v>
      </c>
      <c r="D62" s="46"/>
      <c r="E62" s="46"/>
      <c r="F62" s="107">
        <v>200</v>
      </c>
      <c r="G62" s="87"/>
      <c r="H62" s="127"/>
      <c r="I62" s="128"/>
    </row>
    <row r="63" spans="1:9" s="4" customFormat="1" ht="24.6" customHeight="1" x14ac:dyDescent="0.25">
      <c r="A63" s="62" t="s">
        <v>54</v>
      </c>
      <c r="B63" s="57" t="s">
        <v>127</v>
      </c>
      <c r="C63" s="45" t="s">
        <v>89</v>
      </c>
      <c r="D63" s="59" t="s">
        <v>130</v>
      </c>
      <c r="E63" s="46"/>
      <c r="F63" s="46"/>
      <c r="G63" s="41"/>
      <c r="H63" s="131"/>
      <c r="I63" s="132"/>
    </row>
    <row r="64" spans="1:9" s="4" customFormat="1" ht="24.6" customHeight="1" x14ac:dyDescent="0.25">
      <c r="A64" s="62" t="s">
        <v>55</v>
      </c>
      <c r="B64" s="57" t="s">
        <v>128</v>
      </c>
      <c r="C64" s="45" t="s">
        <v>131</v>
      </c>
      <c r="D64" s="46"/>
      <c r="E64" s="46" t="s">
        <v>133</v>
      </c>
      <c r="F64" s="46"/>
      <c r="G64" s="41"/>
      <c r="H64" s="131"/>
      <c r="I64" s="132"/>
    </row>
    <row r="65" spans="1:9" s="60" customFormat="1" ht="24.6" customHeight="1" x14ac:dyDescent="0.25">
      <c r="A65" s="61" t="s">
        <v>56</v>
      </c>
      <c r="B65" s="48" t="s">
        <v>111</v>
      </c>
      <c r="C65" s="45" t="s">
        <v>85</v>
      </c>
      <c r="D65" s="59">
        <v>2.6</v>
      </c>
      <c r="E65" s="59"/>
      <c r="F65" s="59"/>
      <c r="G65" s="52"/>
      <c r="H65" s="129"/>
      <c r="I65" s="130"/>
    </row>
    <row r="66" spans="1:9" s="4" customFormat="1" ht="24.6" customHeight="1" x14ac:dyDescent="0.25">
      <c r="A66" s="62" t="s">
        <v>57</v>
      </c>
      <c r="B66" s="57" t="s">
        <v>87</v>
      </c>
      <c r="C66" s="58" t="s">
        <v>85</v>
      </c>
      <c r="D66" s="59">
        <v>5.6</v>
      </c>
      <c r="E66" s="59">
        <v>6.3</v>
      </c>
      <c r="F66" s="53"/>
      <c r="G66" s="41"/>
      <c r="H66" s="131"/>
      <c r="I66" s="132"/>
    </row>
    <row r="67" spans="1:9" s="60" customFormat="1" ht="24.6" customHeight="1" x14ac:dyDescent="0.25">
      <c r="A67" s="61" t="s">
        <v>58</v>
      </c>
      <c r="B67" s="47" t="s">
        <v>88</v>
      </c>
      <c r="C67" s="53" t="s">
        <v>85</v>
      </c>
      <c r="D67" s="59">
        <v>2.6</v>
      </c>
      <c r="E67" s="59">
        <v>3</v>
      </c>
      <c r="F67" s="59"/>
      <c r="G67" s="52"/>
      <c r="H67" s="129"/>
      <c r="I67" s="130"/>
    </row>
    <row r="68" spans="1:9" s="4" customFormat="1" ht="24.6" customHeight="1" x14ac:dyDescent="0.25">
      <c r="A68" s="62" t="s">
        <v>59</v>
      </c>
      <c r="B68" s="57" t="s">
        <v>139</v>
      </c>
      <c r="C68" s="58" t="s">
        <v>89</v>
      </c>
      <c r="D68" s="59" t="s">
        <v>132</v>
      </c>
      <c r="E68" s="59" t="s">
        <v>134</v>
      </c>
      <c r="F68" s="53"/>
      <c r="G68" s="41"/>
      <c r="H68" s="131"/>
      <c r="I68" s="132"/>
    </row>
    <row r="69" spans="1:9" s="4" customFormat="1" ht="24.6" customHeight="1" x14ac:dyDescent="0.25">
      <c r="A69" s="61" t="s">
        <v>60</v>
      </c>
      <c r="B69" s="57" t="s">
        <v>90</v>
      </c>
      <c r="C69" s="53" t="s">
        <v>91</v>
      </c>
      <c r="D69" s="59"/>
      <c r="E69" s="59"/>
      <c r="F69" s="53"/>
      <c r="G69" s="41"/>
      <c r="H69" s="131"/>
      <c r="I69" s="132"/>
    </row>
    <row r="70" spans="1:9" s="4" customFormat="1" ht="24.6" customHeight="1" x14ac:dyDescent="0.25">
      <c r="A70" s="65" t="s">
        <v>61</v>
      </c>
      <c r="B70" s="54" t="s">
        <v>92</v>
      </c>
      <c r="C70" s="53" t="s">
        <v>91</v>
      </c>
      <c r="D70" s="59"/>
      <c r="E70" s="59">
        <v>6</v>
      </c>
      <c r="F70" s="25"/>
      <c r="G70" s="41"/>
      <c r="H70" s="51"/>
      <c r="I70" s="50"/>
    </row>
    <row r="71" spans="1:9" s="60" customFormat="1" ht="24.6" customHeight="1" x14ac:dyDescent="0.25">
      <c r="A71" s="63" t="s">
        <v>78</v>
      </c>
      <c r="B71" s="25" t="s">
        <v>93</v>
      </c>
      <c r="C71" s="25" t="s">
        <v>91</v>
      </c>
      <c r="D71" s="78"/>
      <c r="E71" s="59" t="s">
        <v>112</v>
      </c>
      <c r="F71" s="25"/>
      <c r="G71" s="52"/>
      <c r="H71" s="139"/>
      <c r="I71" s="140"/>
    </row>
    <row r="72" spans="1:9" s="4" customFormat="1" ht="24.6" customHeight="1" x14ac:dyDescent="0.25">
      <c r="A72" s="66" t="s">
        <v>62</v>
      </c>
      <c r="B72" s="25" t="s">
        <v>95</v>
      </c>
      <c r="C72" s="25" t="s">
        <v>85</v>
      </c>
      <c r="D72" s="78">
        <v>7</v>
      </c>
      <c r="E72" s="78"/>
      <c r="F72" s="25"/>
      <c r="G72" s="41"/>
      <c r="H72" s="137"/>
      <c r="I72" s="138"/>
    </row>
    <row r="73" spans="1:9" s="4" customFormat="1" ht="24.6" customHeight="1" x14ac:dyDescent="0.25">
      <c r="A73" s="63" t="s">
        <v>63</v>
      </c>
      <c r="B73" s="25" t="s">
        <v>97</v>
      </c>
      <c r="C73" s="25" t="s">
        <v>91</v>
      </c>
      <c r="D73" s="25" t="s">
        <v>98</v>
      </c>
      <c r="E73" s="78"/>
      <c r="F73" s="25"/>
      <c r="G73" s="41"/>
      <c r="H73" s="137"/>
      <c r="I73" s="138"/>
    </row>
    <row r="74" spans="1:9" s="4" customFormat="1" ht="24.6" customHeight="1" x14ac:dyDescent="0.25">
      <c r="A74" s="64" t="s">
        <v>64</v>
      </c>
      <c r="B74" s="55" t="s">
        <v>99</v>
      </c>
      <c r="C74" s="25" t="s">
        <v>91</v>
      </c>
      <c r="D74" s="78" t="s">
        <v>113</v>
      </c>
      <c r="E74" s="78"/>
      <c r="F74" s="77"/>
      <c r="G74" s="41"/>
      <c r="H74" s="137"/>
      <c r="I74" s="138"/>
    </row>
    <row r="75" spans="1:9" s="4" customFormat="1" ht="24.6" customHeight="1" x14ac:dyDescent="0.25">
      <c r="A75" s="63" t="s">
        <v>65</v>
      </c>
      <c r="B75" s="25" t="s">
        <v>100</v>
      </c>
      <c r="C75" s="168" t="s">
        <v>140</v>
      </c>
      <c r="D75" s="168"/>
      <c r="E75" s="168"/>
      <c r="F75" s="169"/>
      <c r="G75" s="41"/>
      <c r="H75" s="137"/>
      <c r="I75" s="138"/>
    </row>
    <row r="76" spans="1:9" s="4" customFormat="1" ht="24.6" customHeight="1" x14ac:dyDescent="0.25">
      <c r="A76" s="63" t="s">
        <v>141</v>
      </c>
      <c r="B76" s="25" t="s">
        <v>103</v>
      </c>
      <c r="C76" s="168" t="s">
        <v>135</v>
      </c>
      <c r="D76" s="168"/>
      <c r="E76" s="168"/>
      <c r="F76" s="169"/>
      <c r="G76" s="41"/>
      <c r="H76" s="137"/>
      <c r="I76" s="138"/>
    </row>
    <row r="77" spans="1:9" s="60" customFormat="1" ht="24.6" customHeight="1" x14ac:dyDescent="0.25">
      <c r="A77" s="62" t="s">
        <v>67</v>
      </c>
      <c r="B77" s="133" t="s">
        <v>105</v>
      </c>
      <c r="C77" s="134"/>
      <c r="D77" s="134"/>
      <c r="E77" s="134"/>
      <c r="F77" s="134"/>
      <c r="G77" s="174"/>
      <c r="H77" s="174"/>
      <c r="I77" s="175"/>
    </row>
    <row r="78" spans="1:9" s="4" customFormat="1" ht="24.6" customHeight="1" x14ac:dyDescent="0.25">
      <c r="A78" s="63" t="s">
        <v>68</v>
      </c>
      <c r="B78" s="25" t="s">
        <v>110</v>
      </c>
      <c r="C78" s="25" t="s">
        <v>89</v>
      </c>
      <c r="D78" s="25">
        <v>120</v>
      </c>
      <c r="E78" s="25"/>
      <c r="F78" s="25"/>
      <c r="G78" s="41"/>
      <c r="H78" s="131"/>
      <c r="I78" s="132"/>
    </row>
    <row r="79" spans="1:9" s="4" customFormat="1" ht="24.6" customHeight="1" x14ac:dyDescent="0.25">
      <c r="A79" s="63" t="s">
        <v>142</v>
      </c>
      <c r="B79" s="25" t="s">
        <v>106</v>
      </c>
      <c r="C79" s="25" t="s">
        <v>85</v>
      </c>
      <c r="D79" s="25">
        <v>3</v>
      </c>
      <c r="E79" s="25">
        <v>100</v>
      </c>
      <c r="F79" s="25"/>
      <c r="G79" s="41"/>
      <c r="H79" s="131"/>
      <c r="I79" s="132"/>
    </row>
    <row r="80" spans="1:9" s="4" customFormat="1" ht="24.6" customHeight="1" x14ac:dyDescent="0.25">
      <c r="A80" s="66" t="s">
        <v>70</v>
      </c>
      <c r="B80" s="25" t="s">
        <v>138</v>
      </c>
      <c r="C80" s="25" t="s">
        <v>89</v>
      </c>
      <c r="D80" s="133" t="s">
        <v>136</v>
      </c>
      <c r="E80" s="134"/>
      <c r="F80" s="144"/>
      <c r="G80" s="41"/>
      <c r="H80" s="137"/>
      <c r="I80" s="138"/>
    </row>
    <row r="81" spans="1:9" s="4" customFormat="1" ht="24.6" customHeight="1" thickBot="1" x14ac:dyDescent="0.3">
      <c r="A81" s="63" t="s">
        <v>71</v>
      </c>
      <c r="B81" s="25" t="s">
        <v>108</v>
      </c>
      <c r="C81" s="176" t="s">
        <v>145</v>
      </c>
      <c r="D81" s="168"/>
      <c r="E81" s="168"/>
      <c r="F81" s="169"/>
      <c r="G81" s="42"/>
      <c r="H81" s="137"/>
      <c r="I81" s="138"/>
    </row>
    <row r="82" spans="1:9" s="3" customFormat="1" ht="24.6" customHeight="1" thickBot="1" x14ac:dyDescent="0.3">
      <c r="A82" s="81" t="s">
        <v>72</v>
      </c>
      <c r="B82" s="82" t="s">
        <v>109</v>
      </c>
      <c r="C82" s="170" t="s">
        <v>137</v>
      </c>
      <c r="D82" s="170"/>
      <c r="E82" s="170"/>
      <c r="F82" s="171"/>
      <c r="G82" s="42"/>
      <c r="H82" s="172"/>
      <c r="I82" s="173"/>
    </row>
    <row r="83" spans="1:9" s="3" customFormat="1" ht="4.5" customHeight="1" x14ac:dyDescent="0.25">
      <c r="A83" s="101"/>
      <c r="B83" s="98"/>
      <c r="C83" s="102"/>
      <c r="D83" s="102"/>
      <c r="E83" s="102"/>
      <c r="F83" s="102"/>
      <c r="G83" s="103"/>
      <c r="H83" s="104"/>
      <c r="I83" s="104"/>
    </row>
    <row r="84" spans="1:9" s="2" customFormat="1" ht="20.100000000000001" customHeight="1" x14ac:dyDescent="0.25">
      <c r="A84" s="119" t="s">
        <v>45</v>
      </c>
      <c r="B84" s="119"/>
      <c r="C84" s="119"/>
      <c r="D84" s="119"/>
      <c r="E84" s="119"/>
      <c r="F84" s="119"/>
      <c r="G84" s="119"/>
      <c r="H84" s="119"/>
      <c r="I84" s="119"/>
    </row>
    <row r="85" spans="1:9" s="2" customFormat="1" ht="5.0999999999999996" customHeight="1" thickBot="1" x14ac:dyDescent="0.3">
      <c r="A85" s="16"/>
      <c r="G85" s="6"/>
      <c r="H85" s="6"/>
      <c r="I85" s="6"/>
    </row>
    <row r="86" spans="1:9" s="3" customFormat="1" ht="69" customHeight="1" x14ac:dyDescent="0.25">
      <c r="A86" s="159" t="s">
        <v>7</v>
      </c>
      <c r="B86" s="160"/>
      <c r="C86" s="160"/>
      <c r="D86" s="160"/>
      <c r="E86" s="160"/>
      <c r="F86" s="161"/>
      <c r="G86" s="185" t="s">
        <v>28</v>
      </c>
      <c r="H86" s="186"/>
      <c r="I86" s="187"/>
    </row>
    <row r="87" spans="1:9" s="3" customFormat="1" ht="30" customHeight="1" thickBot="1" x14ac:dyDescent="0.3">
      <c r="A87" s="162"/>
      <c r="B87" s="163"/>
      <c r="C87" s="163"/>
      <c r="D87" s="163"/>
      <c r="E87" s="163"/>
      <c r="F87" s="164"/>
      <c r="G87" s="22" t="s">
        <v>6</v>
      </c>
      <c r="H87" s="201" t="s">
        <v>29</v>
      </c>
      <c r="I87" s="202"/>
    </row>
    <row r="88" spans="1:9" s="2" customFormat="1" ht="33" customHeight="1" x14ac:dyDescent="0.25">
      <c r="A88" s="68" t="s">
        <v>14</v>
      </c>
      <c r="B88" s="165" t="s">
        <v>149</v>
      </c>
      <c r="C88" s="166"/>
      <c r="D88" s="166"/>
      <c r="E88" s="166"/>
      <c r="F88" s="167"/>
      <c r="G88" s="40"/>
      <c r="H88" s="217"/>
      <c r="I88" s="218"/>
    </row>
    <row r="89" spans="1:9" s="2" customFormat="1" ht="33" customHeight="1" x14ac:dyDescent="0.25">
      <c r="A89" s="69" t="s">
        <v>54</v>
      </c>
      <c r="B89" s="133" t="s">
        <v>150</v>
      </c>
      <c r="C89" s="134"/>
      <c r="D89" s="134"/>
      <c r="E89" s="134"/>
      <c r="F89" s="144"/>
      <c r="G89" s="41"/>
      <c r="H89" s="157"/>
      <c r="I89" s="158"/>
    </row>
    <row r="90" spans="1:9" s="2" customFormat="1" ht="24.95" customHeight="1" x14ac:dyDescent="0.25">
      <c r="A90" s="71" t="s">
        <v>55</v>
      </c>
      <c r="B90" s="221" t="s">
        <v>122</v>
      </c>
      <c r="C90" s="222"/>
      <c r="D90" s="222"/>
      <c r="E90" s="222"/>
      <c r="F90" s="223"/>
      <c r="G90" s="41"/>
      <c r="H90" s="157"/>
      <c r="I90" s="158"/>
    </row>
    <row r="91" spans="1:9" s="2" customFormat="1" ht="24.95" customHeight="1" x14ac:dyDescent="0.25">
      <c r="A91" s="72" t="s">
        <v>117</v>
      </c>
      <c r="B91" s="151" t="s">
        <v>151</v>
      </c>
      <c r="C91" s="152"/>
      <c r="D91" s="152"/>
      <c r="E91" s="152"/>
      <c r="F91" s="153"/>
      <c r="G91" s="41"/>
      <c r="H91" s="157"/>
      <c r="I91" s="158"/>
    </row>
    <row r="92" spans="1:9" s="2" customFormat="1" ht="24.95" customHeight="1" x14ac:dyDescent="0.25">
      <c r="A92" s="73" t="s">
        <v>118</v>
      </c>
      <c r="B92" s="151" t="s">
        <v>123</v>
      </c>
      <c r="C92" s="152"/>
      <c r="D92" s="152"/>
      <c r="E92" s="152"/>
      <c r="F92" s="153"/>
      <c r="G92" s="41"/>
      <c r="H92" s="157"/>
      <c r="I92" s="158"/>
    </row>
    <row r="93" spans="1:9" s="2" customFormat="1" ht="24.95" customHeight="1" x14ac:dyDescent="0.25">
      <c r="A93" s="73" t="s">
        <v>119</v>
      </c>
      <c r="B93" s="151" t="s">
        <v>152</v>
      </c>
      <c r="C93" s="152"/>
      <c r="D93" s="152"/>
      <c r="E93" s="152"/>
      <c r="F93" s="153"/>
      <c r="G93" s="41"/>
      <c r="H93" s="157"/>
      <c r="I93" s="158"/>
    </row>
    <row r="94" spans="1:9" s="2" customFormat="1" ht="33" customHeight="1" x14ac:dyDescent="0.25">
      <c r="A94" s="74" t="s">
        <v>120</v>
      </c>
      <c r="B94" s="151" t="s">
        <v>153</v>
      </c>
      <c r="C94" s="152"/>
      <c r="D94" s="152"/>
      <c r="E94" s="152"/>
      <c r="F94" s="153"/>
      <c r="G94" s="41"/>
      <c r="H94" s="157"/>
      <c r="I94" s="158"/>
    </row>
    <row r="95" spans="1:9" s="2" customFormat="1" ht="114" customHeight="1" x14ac:dyDescent="0.25">
      <c r="A95" s="70" t="s">
        <v>121</v>
      </c>
      <c r="B95" s="154" t="s">
        <v>154</v>
      </c>
      <c r="C95" s="155"/>
      <c r="D95" s="155"/>
      <c r="E95" s="155"/>
      <c r="F95" s="156"/>
      <c r="G95" s="41"/>
      <c r="H95" s="157"/>
      <c r="I95" s="158"/>
    </row>
    <row r="96" spans="1:9" s="2" customFormat="1" ht="79.5" customHeight="1" x14ac:dyDescent="0.25">
      <c r="A96" s="69" t="s">
        <v>56</v>
      </c>
      <c r="B96" s="133" t="s">
        <v>155</v>
      </c>
      <c r="C96" s="134"/>
      <c r="D96" s="134"/>
      <c r="E96" s="134"/>
      <c r="F96" s="144"/>
      <c r="G96" s="41"/>
      <c r="H96" s="157"/>
      <c r="I96" s="158"/>
    </row>
    <row r="97" spans="1:10" s="2" customFormat="1" ht="70.5" customHeight="1" x14ac:dyDescent="0.25">
      <c r="A97" s="69" t="s">
        <v>57</v>
      </c>
      <c r="B97" s="133" t="s">
        <v>156</v>
      </c>
      <c r="C97" s="134"/>
      <c r="D97" s="134"/>
      <c r="E97" s="134"/>
      <c r="F97" s="144"/>
      <c r="G97" s="41"/>
      <c r="H97" s="157"/>
      <c r="I97" s="158"/>
    </row>
    <row r="98" spans="1:10" s="2" customFormat="1" ht="49.5" customHeight="1" x14ac:dyDescent="0.25">
      <c r="A98" s="69" t="s">
        <v>58</v>
      </c>
      <c r="B98" s="133" t="s">
        <v>157</v>
      </c>
      <c r="C98" s="134"/>
      <c r="D98" s="134"/>
      <c r="E98" s="134"/>
      <c r="F98" s="144"/>
      <c r="G98" s="41"/>
      <c r="H98" s="157"/>
      <c r="I98" s="158"/>
    </row>
    <row r="99" spans="1:10" s="2" customFormat="1" ht="60" customHeight="1" x14ac:dyDescent="0.25">
      <c r="A99" s="69" t="s">
        <v>59</v>
      </c>
      <c r="B99" s="133" t="s">
        <v>158</v>
      </c>
      <c r="C99" s="134"/>
      <c r="D99" s="134"/>
      <c r="E99" s="134"/>
      <c r="F99" s="144"/>
      <c r="G99" s="41"/>
      <c r="H99" s="157"/>
      <c r="I99" s="158"/>
    </row>
    <row r="100" spans="1:10" s="2" customFormat="1" ht="59.25" customHeight="1" x14ac:dyDescent="0.25">
      <c r="A100" s="69" t="s">
        <v>60</v>
      </c>
      <c r="B100" s="133" t="s">
        <v>159</v>
      </c>
      <c r="C100" s="134"/>
      <c r="D100" s="134"/>
      <c r="E100" s="134"/>
      <c r="F100" s="144"/>
      <c r="G100" s="41"/>
      <c r="H100" s="157"/>
      <c r="I100" s="158"/>
    </row>
    <row r="101" spans="1:10" s="2" customFormat="1" ht="75" customHeight="1" x14ac:dyDescent="0.25">
      <c r="A101" s="69" t="s">
        <v>61</v>
      </c>
      <c r="B101" s="133" t="s">
        <v>160</v>
      </c>
      <c r="C101" s="134"/>
      <c r="D101" s="134"/>
      <c r="E101" s="134"/>
      <c r="F101" s="144"/>
      <c r="G101" s="41"/>
      <c r="H101" s="210"/>
      <c r="I101" s="211"/>
    </row>
    <row r="102" spans="1:10" s="2" customFormat="1" ht="33" customHeight="1" x14ac:dyDescent="0.25">
      <c r="A102" s="69" t="s">
        <v>78</v>
      </c>
      <c r="B102" s="133" t="s">
        <v>161</v>
      </c>
      <c r="C102" s="134"/>
      <c r="D102" s="134"/>
      <c r="E102" s="134"/>
      <c r="F102" s="144"/>
      <c r="G102" s="41"/>
      <c r="H102" s="210"/>
      <c r="I102" s="211"/>
    </row>
    <row r="103" spans="1:10" s="2" customFormat="1" ht="33" customHeight="1" x14ac:dyDescent="0.25">
      <c r="A103" s="69" t="s">
        <v>62</v>
      </c>
      <c r="B103" s="133" t="s">
        <v>162</v>
      </c>
      <c r="C103" s="134"/>
      <c r="D103" s="134"/>
      <c r="E103" s="134"/>
      <c r="F103" s="144"/>
      <c r="G103" s="41"/>
      <c r="H103" s="210"/>
      <c r="I103" s="211"/>
    </row>
    <row r="104" spans="1:10" s="2" customFormat="1" ht="49.5" customHeight="1" x14ac:dyDescent="0.25">
      <c r="A104" s="69" t="s">
        <v>63</v>
      </c>
      <c r="B104" s="133" t="s">
        <v>163</v>
      </c>
      <c r="C104" s="134"/>
      <c r="D104" s="134"/>
      <c r="E104" s="134"/>
      <c r="F104" s="144"/>
      <c r="G104" s="41"/>
      <c r="H104" s="210"/>
      <c r="I104" s="211"/>
    </row>
    <row r="105" spans="1:10" s="2" customFormat="1" ht="60" customHeight="1" x14ac:dyDescent="0.25">
      <c r="A105" s="109" t="s">
        <v>64</v>
      </c>
      <c r="B105" s="145" t="s">
        <v>164</v>
      </c>
      <c r="C105" s="146"/>
      <c r="D105" s="146"/>
      <c r="E105" s="146"/>
      <c r="F105" s="147"/>
      <c r="G105" s="87"/>
      <c r="H105" s="219"/>
      <c r="I105" s="220"/>
    </row>
    <row r="106" spans="1:10" s="2" customFormat="1" ht="122.25" customHeight="1" x14ac:dyDescent="0.25">
      <c r="A106" s="69" t="s">
        <v>65</v>
      </c>
      <c r="B106" s="133" t="s">
        <v>165</v>
      </c>
      <c r="C106" s="134"/>
      <c r="D106" s="134"/>
      <c r="E106" s="134"/>
      <c r="F106" s="144"/>
      <c r="G106" s="41"/>
      <c r="H106" s="210"/>
      <c r="I106" s="211"/>
    </row>
    <row r="107" spans="1:10" s="2" customFormat="1" ht="126.75" customHeight="1" x14ac:dyDescent="0.25">
      <c r="A107" s="109" t="s">
        <v>66</v>
      </c>
      <c r="B107" s="145" t="s">
        <v>166</v>
      </c>
      <c r="C107" s="146"/>
      <c r="D107" s="146"/>
      <c r="E107" s="146"/>
      <c r="F107" s="147"/>
      <c r="G107" s="87"/>
      <c r="H107" s="123"/>
      <c r="I107" s="124"/>
    </row>
    <row r="108" spans="1:10" s="2" customFormat="1" ht="63" customHeight="1" thickBot="1" x14ac:dyDescent="0.3">
      <c r="A108" s="89" t="s">
        <v>67</v>
      </c>
      <c r="B108" s="148" t="s">
        <v>167</v>
      </c>
      <c r="C108" s="149"/>
      <c r="D108" s="149"/>
      <c r="E108" s="149"/>
      <c r="F108" s="150"/>
      <c r="G108" s="42"/>
      <c r="H108" s="205"/>
      <c r="I108" s="206"/>
    </row>
    <row r="109" spans="1:10" s="3" customFormat="1" ht="5.0999999999999996" customHeight="1" x14ac:dyDescent="0.25">
      <c r="A109" s="5"/>
      <c r="B109" s="5"/>
      <c r="C109" s="5"/>
      <c r="D109" s="5"/>
      <c r="E109" s="5"/>
      <c r="F109" s="5"/>
      <c r="G109" s="7"/>
      <c r="H109" s="7"/>
      <c r="I109" s="24"/>
    </row>
    <row r="110" spans="1:10" s="2" customFormat="1" ht="20.100000000000001" customHeight="1" x14ac:dyDescent="0.25">
      <c r="A110" s="122" t="s">
        <v>51</v>
      </c>
      <c r="B110" s="122"/>
      <c r="C110" s="122"/>
      <c r="D110" s="122"/>
      <c r="E110" s="122"/>
      <c r="F110" s="122"/>
      <c r="G110" s="122"/>
      <c r="H110" s="122"/>
      <c r="I110" s="122"/>
      <c r="J110" s="180"/>
    </row>
    <row r="111" spans="1:10" s="2" customFormat="1" ht="4.5" customHeight="1" thickBot="1" x14ac:dyDescent="0.3">
      <c r="J111" s="180"/>
    </row>
    <row r="112" spans="1:10" s="2" customFormat="1" ht="80.25" customHeight="1" x14ac:dyDescent="0.25">
      <c r="A112" s="159" t="s">
        <v>52</v>
      </c>
      <c r="B112" s="160"/>
      <c r="C112" s="79"/>
      <c r="D112" s="79"/>
      <c r="E112" s="79"/>
      <c r="F112" s="79"/>
      <c r="G112" s="185" t="s">
        <v>53</v>
      </c>
      <c r="H112" s="186"/>
      <c r="I112" s="187"/>
      <c r="J112" s="180"/>
    </row>
    <row r="113" spans="1:10" s="3" customFormat="1" ht="29.25" customHeight="1" thickBot="1" x14ac:dyDescent="0.3">
      <c r="A113" s="162"/>
      <c r="B113" s="163"/>
      <c r="C113" s="80"/>
      <c r="D113" s="80"/>
      <c r="E113" s="80"/>
      <c r="F113" s="80"/>
      <c r="G113" s="22" t="s">
        <v>6</v>
      </c>
      <c r="H113" s="201" t="s">
        <v>29</v>
      </c>
      <c r="I113" s="202"/>
      <c r="J113" s="180"/>
    </row>
    <row r="114" spans="1:10" s="3" customFormat="1" ht="39" customHeight="1" x14ac:dyDescent="0.25">
      <c r="A114" s="90" t="s">
        <v>14</v>
      </c>
      <c r="B114" s="179" t="s">
        <v>168</v>
      </c>
      <c r="C114" s="179"/>
      <c r="D114" s="179"/>
      <c r="E114" s="179"/>
      <c r="F114" s="179"/>
      <c r="G114" s="87"/>
      <c r="H114" s="123"/>
      <c r="I114" s="124"/>
      <c r="J114" s="180"/>
    </row>
    <row r="115" spans="1:10" s="3" customFormat="1" ht="50.25" customHeight="1" x14ac:dyDescent="0.25">
      <c r="A115" s="69" t="s">
        <v>54</v>
      </c>
      <c r="B115" s="207" t="s">
        <v>169</v>
      </c>
      <c r="C115" s="208"/>
      <c r="D115" s="208"/>
      <c r="E115" s="208"/>
      <c r="F115" s="209"/>
      <c r="G115" s="41"/>
      <c r="H115" s="210"/>
      <c r="I115" s="211"/>
      <c r="J115" s="75"/>
    </row>
    <row r="116" spans="1:10" s="3" customFormat="1" ht="49.5" customHeight="1" thickBot="1" x14ac:dyDescent="0.3">
      <c r="A116" s="89" t="s">
        <v>55</v>
      </c>
      <c r="B116" s="204" t="s">
        <v>148</v>
      </c>
      <c r="C116" s="204"/>
      <c r="D116" s="204"/>
      <c r="E116" s="204"/>
      <c r="F116" s="204"/>
      <c r="G116" s="42"/>
      <c r="H116" s="205"/>
      <c r="I116" s="206"/>
      <c r="J116" s="75"/>
    </row>
    <row r="117" spans="1:10" s="2" customFormat="1" ht="5.0999999999999996" customHeight="1" x14ac:dyDescent="0.25">
      <c r="A117" s="5"/>
      <c r="B117" s="5"/>
      <c r="C117" s="5"/>
      <c r="D117" s="5"/>
      <c r="E117" s="5"/>
      <c r="F117" s="5"/>
      <c r="G117" s="7"/>
      <c r="H117" s="7"/>
      <c r="I117" s="24"/>
    </row>
    <row r="118" spans="1:10" s="2" customFormat="1" ht="20.100000000000001" customHeight="1" x14ac:dyDescent="0.25">
      <c r="A118" s="119" t="s">
        <v>13</v>
      </c>
      <c r="B118" s="119"/>
      <c r="C118" s="119"/>
      <c r="D118" s="119"/>
      <c r="E118" s="119"/>
      <c r="F118" s="119"/>
      <c r="G118" s="119"/>
      <c r="H118" s="119"/>
      <c r="I118" s="119"/>
    </row>
    <row r="119" spans="1:10" s="3" customFormat="1" ht="23.25" customHeight="1" x14ac:dyDescent="0.25">
      <c r="A119" s="5" t="s">
        <v>15</v>
      </c>
      <c r="B119" s="120" t="s">
        <v>143</v>
      </c>
      <c r="C119" s="120"/>
      <c r="D119" s="120"/>
      <c r="E119" s="120"/>
      <c r="F119" s="120"/>
      <c r="G119" s="120"/>
      <c r="H119" s="120"/>
      <c r="I119" s="120"/>
    </row>
    <row r="120" spans="1:10" s="27" customFormat="1" ht="23.25" customHeight="1" x14ac:dyDescent="0.25">
      <c r="A120" s="5" t="s">
        <v>30</v>
      </c>
      <c r="B120" s="120" t="s">
        <v>31</v>
      </c>
      <c r="C120" s="120"/>
      <c r="D120" s="120"/>
      <c r="E120" s="120"/>
      <c r="F120" s="120"/>
      <c r="G120" s="120"/>
      <c r="H120" s="120"/>
      <c r="I120" s="120"/>
    </row>
    <row r="121" spans="1:10" s="27" customFormat="1" ht="30" customHeight="1" x14ac:dyDescent="0.25">
      <c r="A121" s="121" t="s">
        <v>32</v>
      </c>
      <c r="B121" s="121"/>
      <c r="C121" s="121"/>
      <c r="D121" s="121"/>
      <c r="E121" s="121"/>
      <c r="F121" s="121"/>
      <c r="G121" s="121"/>
      <c r="H121" s="121"/>
      <c r="I121" s="3"/>
    </row>
    <row r="122" spans="1:10" s="2" customFormat="1" ht="24.95" customHeight="1" x14ac:dyDescent="0.25">
      <c r="A122" s="26" t="s">
        <v>33</v>
      </c>
      <c r="B122" s="110"/>
      <c r="C122" s="110"/>
      <c r="D122" s="110"/>
      <c r="E122" s="110"/>
      <c r="F122" s="110"/>
      <c r="G122" s="110"/>
      <c r="I122" s="27"/>
    </row>
    <row r="123" spans="1:10" s="2" customFormat="1" ht="24.95" customHeight="1" x14ac:dyDescent="0.25">
      <c r="A123" s="26" t="s">
        <v>34</v>
      </c>
      <c r="B123" s="111"/>
      <c r="C123" s="111"/>
      <c r="D123" s="111"/>
      <c r="E123" s="111"/>
      <c r="F123" s="111"/>
      <c r="G123" s="111"/>
      <c r="I123" s="27"/>
    </row>
    <row r="124" spans="1:10" s="2" customFormat="1" ht="24.95" customHeight="1" x14ac:dyDescent="0.25">
      <c r="A124" s="26" t="s">
        <v>35</v>
      </c>
      <c r="B124" s="111"/>
      <c r="C124" s="111"/>
      <c r="D124" s="111"/>
      <c r="E124" s="111"/>
      <c r="F124" s="111"/>
      <c r="G124" s="111"/>
      <c r="I124" s="27"/>
    </row>
    <row r="125" spans="1:10" s="3" customFormat="1" ht="24.95" customHeight="1" x14ac:dyDescent="0.25">
      <c r="A125" s="26" t="s">
        <v>36</v>
      </c>
      <c r="B125" s="111"/>
      <c r="C125" s="111"/>
      <c r="D125" s="111"/>
      <c r="E125" s="111"/>
      <c r="F125" s="111"/>
      <c r="G125" s="111"/>
      <c r="H125" s="2"/>
      <c r="I125" s="28"/>
    </row>
    <row r="126" spans="1:10" s="2" customFormat="1" ht="16.5" customHeight="1" x14ac:dyDescent="0.2">
      <c r="A126" s="11"/>
      <c r="B126" s="12"/>
      <c r="C126" s="12"/>
      <c r="D126" s="12"/>
      <c r="E126" s="12"/>
      <c r="F126" s="12"/>
      <c r="G126" s="12"/>
      <c r="I126" s="29"/>
    </row>
    <row r="127" spans="1:10" s="3" customFormat="1" ht="15" customHeight="1" x14ac:dyDescent="0.25">
      <c r="A127" s="117" t="s">
        <v>37</v>
      </c>
      <c r="B127" s="117"/>
      <c r="C127" s="117"/>
      <c r="D127" s="117"/>
      <c r="E127" s="117"/>
      <c r="F127" s="117"/>
      <c r="G127" s="117"/>
      <c r="H127" s="117"/>
      <c r="I127" s="117"/>
    </row>
    <row r="128" spans="1:10" s="2" customFormat="1" ht="36.75" customHeight="1" x14ac:dyDescent="0.25">
      <c r="A128" s="118" t="s">
        <v>48</v>
      </c>
      <c r="B128" s="118"/>
      <c r="C128" s="118"/>
      <c r="D128" s="118"/>
      <c r="E128" s="118"/>
      <c r="F128" s="118"/>
      <c r="G128" s="118"/>
      <c r="H128" s="118"/>
      <c r="I128" s="118"/>
    </row>
    <row r="129" spans="1:9" s="2" customFormat="1" ht="20.100000000000001" customHeight="1" x14ac:dyDescent="0.2">
      <c r="A129" s="1"/>
      <c r="B129" s="1"/>
      <c r="C129" s="1"/>
      <c r="D129" s="1"/>
      <c r="E129" s="1"/>
      <c r="F129" s="1"/>
      <c r="G129" s="8"/>
      <c r="H129" s="8"/>
    </row>
    <row r="130" spans="1:9" s="3" customFormat="1" ht="4.5" customHeight="1" x14ac:dyDescent="0.2">
      <c r="A130" s="1"/>
      <c r="B130" s="1"/>
      <c r="C130" s="1"/>
      <c r="D130" s="1"/>
      <c r="E130" s="1"/>
      <c r="F130" s="1"/>
      <c r="G130" s="8"/>
      <c r="H130" s="8"/>
      <c r="I130" s="2"/>
    </row>
    <row r="131" spans="1:9" s="3" customFormat="1" ht="20.100000000000001" customHeight="1" x14ac:dyDescent="0.25">
      <c r="A131" s="30" t="s">
        <v>38</v>
      </c>
      <c r="B131" s="203"/>
      <c r="C131" s="203"/>
      <c r="D131" s="203"/>
      <c r="E131" s="203"/>
      <c r="F131" s="203"/>
      <c r="G131" s="31" t="s">
        <v>39</v>
      </c>
      <c r="H131" s="136"/>
      <c r="I131" s="136"/>
    </row>
    <row r="132" spans="1:9" s="3" customFormat="1" ht="20.100000000000001" customHeight="1" x14ac:dyDescent="0.25">
      <c r="A132" s="49" t="s">
        <v>40</v>
      </c>
      <c r="B132" s="177"/>
      <c r="C132" s="178"/>
      <c r="D132" s="178"/>
      <c r="E132" s="178"/>
      <c r="F132" s="178"/>
      <c r="G132" s="32"/>
      <c r="H132" s="33"/>
      <c r="I132" s="33"/>
    </row>
    <row r="133" spans="1:9" ht="20.100000000000001" customHeight="1" x14ac:dyDescent="0.2">
      <c r="G133" s="34" t="s">
        <v>41</v>
      </c>
      <c r="H133" s="110"/>
      <c r="I133" s="110"/>
    </row>
    <row r="134" spans="1:9" s="2" customFormat="1" ht="20.100000000000001" customHeight="1" x14ac:dyDescent="0.2">
      <c r="A134" s="1"/>
      <c r="B134" s="1"/>
      <c r="C134" s="1"/>
      <c r="D134" s="1"/>
      <c r="E134" s="1"/>
      <c r="F134" s="1"/>
      <c r="G134" s="34" t="s">
        <v>42</v>
      </c>
      <c r="H134" s="111"/>
      <c r="I134" s="111"/>
    </row>
    <row r="135" spans="1:9" s="2" customFormat="1" ht="20.100000000000001" customHeight="1" x14ac:dyDescent="0.2">
      <c r="A135" s="1"/>
      <c r="B135" s="1"/>
      <c r="C135" s="1"/>
      <c r="D135" s="1"/>
      <c r="E135" s="1"/>
      <c r="F135" s="1"/>
      <c r="G135" s="35" t="s">
        <v>43</v>
      </c>
      <c r="H135" s="1"/>
    </row>
    <row r="136" spans="1:9" s="2" customFormat="1" ht="37.5" customHeight="1" x14ac:dyDescent="0.25"/>
    <row r="137" spans="1:9" s="2" customFormat="1" ht="24" customHeight="1" x14ac:dyDescent="0.25"/>
    <row r="138" spans="1:9" s="2" customFormat="1" ht="24" customHeight="1" x14ac:dyDescent="0.25"/>
    <row r="139" spans="1:9" s="2" customFormat="1" ht="24" customHeight="1" x14ac:dyDescent="0.25"/>
    <row r="140" spans="1:9" s="2" customFormat="1" ht="20.100000000000001" customHeight="1" x14ac:dyDescent="0.25"/>
    <row r="141" spans="1:9" s="2" customFormat="1" ht="20.100000000000001" customHeight="1" x14ac:dyDescent="0.25"/>
    <row r="142" spans="1:9" s="2" customFormat="1" ht="50.1" customHeight="1" x14ac:dyDescent="0.25"/>
    <row r="143" spans="1:9" s="2" customFormat="1" ht="43.5" customHeight="1" x14ac:dyDescent="0.25"/>
    <row r="144" spans="1:9" ht="24.75" customHeight="1" x14ac:dyDescent="0.2">
      <c r="A144" s="2"/>
      <c r="B144" s="2"/>
      <c r="C144" s="2"/>
      <c r="D144" s="2"/>
      <c r="E144" s="2"/>
      <c r="F144" s="2"/>
      <c r="G144" s="2"/>
      <c r="H144" s="2"/>
    </row>
    <row r="145" spans="1:8" x14ac:dyDescent="0.2">
      <c r="A145" s="2"/>
      <c r="B145" s="2"/>
      <c r="C145" s="2"/>
      <c r="D145" s="2"/>
      <c r="E145" s="2"/>
      <c r="F145" s="2"/>
      <c r="G145" s="2"/>
      <c r="H145" s="2"/>
    </row>
    <row r="146" spans="1:8" ht="20.100000000000001" customHeight="1" x14ac:dyDescent="0.2"/>
    <row r="147" spans="1:8" ht="4.5" customHeight="1" x14ac:dyDescent="0.2"/>
    <row r="148" spans="1:8" ht="20.100000000000001" customHeight="1" x14ac:dyDescent="0.2"/>
    <row r="149" spans="1:8" ht="20.100000000000001" customHeight="1" x14ac:dyDescent="0.2"/>
    <row r="150" spans="1:8" ht="20.100000000000001" customHeight="1" x14ac:dyDescent="0.2"/>
  </sheetData>
  <mergeCells count="158">
    <mergeCell ref="G38:I38"/>
    <mergeCell ref="H53:I53"/>
    <mergeCell ref="H52:I52"/>
    <mergeCell ref="A38:B38"/>
    <mergeCell ref="G86:I86"/>
    <mergeCell ref="H87:I87"/>
    <mergeCell ref="H42:I42"/>
    <mergeCell ref="H43:I43"/>
    <mergeCell ref="B90:F90"/>
    <mergeCell ref="H68:I68"/>
    <mergeCell ref="H69:I69"/>
    <mergeCell ref="H59:I59"/>
    <mergeCell ref="H58:I58"/>
    <mergeCell ref="B55:F55"/>
    <mergeCell ref="G55:I55"/>
    <mergeCell ref="H54:I54"/>
    <mergeCell ref="H94:I94"/>
    <mergeCell ref="H95:I95"/>
    <mergeCell ref="H96:I96"/>
    <mergeCell ref="H88:I88"/>
    <mergeCell ref="H89:I89"/>
    <mergeCell ref="H90:I90"/>
    <mergeCell ref="C60:F60"/>
    <mergeCell ref="C59:F59"/>
    <mergeCell ref="B91:F91"/>
    <mergeCell ref="B92:F92"/>
    <mergeCell ref="H91:I91"/>
    <mergeCell ref="H92:I92"/>
    <mergeCell ref="H113:I113"/>
    <mergeCell ref="B131:F131"/>
    <mergeCell ref="B116:F116"/>
    <mergeCell ref="A112:B113"/>
    <mergeCell ref="H116:I116"/>
    <mergeCell ref="H97:I97"/>
    <mergeCell ref="H98:I98"/>
    <mergeCell ref="H99:I99"/>
    <mergeCell ref="H100:I100"/>
    <mergeCell ref="H108:I108"/>
    <mergeCell ref="B115:F115"/>
    <mergeCell ref="H115:I115"/>
    <mergeCell ref="B102:F102"/>
    <mergeCell ref="B103:F103"/>
    <mergeCell ref="B104:F104"/>
    <mergeCell ref="B105:F105"/>
    <mergeCell ref="B106:F106"/>
    <mergeCell ref="H101:I101"/>
    <mergeCell ref="H102:I102"/>
    <mergeCell ref="H103:I103"/>
    <mergeCell ref="H104:I104"/>
    <mergeCell ref="H105:I105"/>
    <mergeCell ref="H106:I106"/>
    <mergeCell ref="B101:F101"/>
    <mergeCell ref="B132:F132"/>
    <mergeCell ref="B114:F114"/>
    <mergeCell ref="J110:J114"/>
    <mergeCell ref="A3:I3"/>
    <mergeCell ref="A7:I7"/>
    <mergeCell ref="A8:I8"/>
    <mergeCell ref="A9:I9"/>
    <mergeCell ref="A11:I11"/>
    <mergeCell ref="A15:G15"/>
    <mergeCell ref="A34:I34"/>
    <mergeCell ref="A36:B37"/>
    <mergeCell ref="G36:I36"/>
    <mergeCell ref="H37:I37"/>
    <mergeCell ref="A22:I22"/>
    <mergeCell ref="B27:G27"/>
    <mergeCell ref="B28:G28"/>
    <mergeCell ref="A30:B30"/>
    <mergeCell ref="A17:G17"/>
    <mergeCell ref="A18:G18"/>
    <mergeCell ref="A19:I19"/>
    <mergeCell ref="A20:I20"/>
    <mergeCell ref="B4:F4"/>
    <mergeCell ref="B5:F5"/>
    <mergeCell ref="G112:I112"/>
    <mergeCell ref="C53:F53"/>
    <mergeCell ref="H63:I63"/>
    <mergeCell ref="H64:I64"/>
    <mergeCell ref="C54:F54"/>
    <mergeCell ref="C76:F76"/>
    <mergeCell ref="H39:I39"/>
    <mergeCell ref="A84:I84"/>
    <mergeCell ref="H51:I51"/>
    <mergeCell ref="H50:I50"/>
    <mergeCell ref="H49:I49"/>
    <mergeCell ref="H48:I48"/>
    <mergeCell ref="C75:F75"/>
    <mergeCell ref="C82:F82"/>
    <mergeCell ref="H81:I81"/>
    <mergeCell ref="H82:I82"/>
    <mergeCell ref="H80:I80"/>
    <mergeCell ref="B77:F77"/>
    <mergeCell ref="G77:I77"/>
    <mergeCell ref="H76:I76"/>
    <mergeCell ref="H75:I75"/>
    <mergeCell ref="H79:I79"/>
    <mergeCell ref="C81:F81"/>
    <mergeCell ref="G61:I61"/>
    <mergeCell ref="H60:I60"/>
    <mergeCell ref="B95:F95"/>
    <mergeCell ref="B96:F96"/>
    <mergeCell ref="B97:F97"/>
    <mergeCell ref="H93:I93"/>
    <mergeCell ref="B98:F98"/>
    <mergeCell ref="D80:F80"/>
    <mergeCell ref="H78:I78"/>
    <mergeCell ref="A86:F87"/>
    <mergeCell ref="B88:F88"/>
    <mergeCell ref="B89:F89"/>
    <mergeCell ref="H67:I67"/>
    <mergeCell ref="D58:F58"/>
    <mergeCell ref="A13:G13"/>
    <mergeCell ref="H114:I114"/>
    <mergeCell ref="H131:I131"/>
    <mergeCell ref="H44:I44"/>
    <mergeCell ref="H45:I45"/>
    <mergeCell ref="H46:I46"/>
    <mergeCell ref="H47:I47"/>
    <mergeCell ref="H56:I56"/>
    <mergeCell ref="H57:I57"/>
    <mergeCell ref="H40:I40"/>
    <mergeCell ref="H74:I74"/>
    <mergeCell ref="H73:I73"/>
    <mergeCell ref="H72:I72"/>
    <mergeCell ref="H71:I71"/>
    <mergeCell ref="B29:G29"/>
    <mergeCell ref="H41:I41"/>
    <mergeCell ref="B99:F99"/>
    <mergeCell ref="B100:F100"/>
    <mergeCell ref="B107:F107"/>
    <mergeCell ref="B108:F108"/>
    <mergeCell ref="B93:F93"/>
    <mergeCell ref="B94:F94"/>
    <mergeCell ref="H133:I133"/>
    <mergeCell ref="H134:I134"/>
    <mergeCell ref="A2:I2"/>
    <mergeCell ref="A1:I1"/>
    <mergeCell ref="A12:G12"/>
    <mergeCell ref="A23:B23"/>
    <mergeCell ref="A26:B26"/>
    <mergeCell ref="B122:G122"/>
    <mergeCell ref="B123:G123"/>
    <mergeCell ref="B124:G124"/>
    <mergeCell ref="B125:G125"/>
    <mergeCell ref="A127:I127"/>
    <mergeCell ref="A128:I128"/>
    <mergeCell ref="A118:I118"/>
    <mergeCell ref="B119:I119"/>
    <mergeCell ref="B120:I120"/>
    <mergeCell ref="A121:H121"/>
    <mergeCell ref="A110:I110"/>
    <mergeCell ref="H107:I107"/>
    <mergeCell ref="A21:I21"/>
    <mergeCell ref="A61:B61"/>
    <mergeCell ref="H62:I62"/>
    <mergeCell ref="H65:I65"/>
    <mergeCell ref="H66:I66"/>
  </mergeCells>
  <conditionalFormatting sqref="B122:G123 B125:G125 G39 G56 G88:G108 G48:G54 G70:G76">
    <cfRule type="containsBlanks" dxfId="30" priority="83">
      <formula>LEN(TRIM(B39))=0</formula>
    </cfRule>
  </conditionalFormatting>
  <conditionalFormatting sqref="H133:I133">
    <cfRule type="containsBlanks" dxfId="29" priority="82">
      <formula>LEN(TRIM(H133))=0</formula>
    </cfRule>
  </conditionalFormatting>
  <conditionalFormatting sqref="H134:I134">
    <cfRule type="containsBlanks" dxfId="28" priority="81">
      <formula>LEN(TRIM(H134))=0</formula>
    </cfRule>
  </conditionalFormatting>
  <conditionalFormatting sqref="G114:G116">
    <cfRule type="containsBlanks" dxfId="27" priority="71">
      <formula>LEN(TRIM(G114))=0</formula>
    </cfRule>
  </conditionalFormatting>
  <conditionalFormatting sqref="B124:G124">
    <cfRule type="containsBlanks" dxfId="26" priority="68">
      <formula>LEN(TRIM(B124))=0</formula>
    </cfRule>
  </conditionalFormatting>
  <conditionalFormatting sqref="B131:F131">
    <cfRule type="containsBlanks" dxfId="25" priority="62">
      <formula>LEN(TRIM(B131))=0</formula>
    </cfRule>
  </conditionalFormatting>
  <conditionalFormatting sqref="B4:F4">
    <cfRule type="containsBlanks" dxfId="24" priority="64">
      <formula>LEN(TRIM(B4))=0</formula>
    </cfRule>
  </conditionalFormatting>
  <conditionalFormatting sqref="B5:F5">
    <cfRule type="containsBlanks" dxfId="23" priority="63">
      <formula>LEN(TRIM(B5))=0</formula>
    </cfRule>
  </conditionalFormatting>
  <conditionalFormatting sqref="B132:F132">
    <cfRule type="containsBlanks" dxfId="22" priority="61">
      <formula>LEN(TRIM(B132))=0</formula>
    </cfRule>
  </conditionalFormatting>
  <conditionalFormatting sqref="G40">
    <cfRule type="containsBlanks" dxfId="21" priority="53">
      <formula>LEN(TRIM(G40))=0</formula>
    </cfRule>
  </conditionalFormatting>
  <conditionalFormatting sqref="G43">
    <cfRule type="containsBlanks" dxfId="20" priority="52">
      <formula>LEN(TRIM(G43))=0</formula>
    </cfRule>
  </conditionalFormatting>
  <conditionalFormatting sqref="G44">
    <cfRule type="containsBlanks" dxfId="19" priority="51">
      <formula>LEN(TRIM(G44))=0</formula>
    </cfRule>
  </conditionalFormatting>
  <conditionalFormatting sqref="G45">
    <cfRule type="containsBlanks" dxfId="18" priority="50">
      <formula>LEN(TRIM(G45))=0</formula>
    </cfRule>
  </conditionalFormatting>
  <conditionalFormatting sqref="G46">
    <cfRule type="containsBlanks" dxfId="17" priority="49">
      <formula>LEN(TRIM(G46))=0</formula>
    </cfRule>
  </conditionalFormatting>
  <conditionalFormatting sqref="G47">
    <cfRule type="containsBlanks" dxfId="16" priority="47">
      <formula>LEN(TRIM(G47))=0</formula>
    </cfRule>
  </conditionalFormatting>
  <conditionalFormatting sqref="G57:G58">
    <cfRule type="containsBlanks" dxfId="15" priority="46">
      <formula>LEN(TRIM(G57))=0</formula>
    </cfRule>
  </conditionalFormatting>
  <conditionalFormatting sqref="G41">
    <cfRule type="containsBlanks" dxfId="14" priority="37">
      <formula>LEN(TRIM(G41))=0</formula>
    </cfRule>
  </conditionalFormatting>
  <conditionalFormatting sqref="G42">
    <cfRule type="containsBlanks" dxfId="13" priority="36">
      <formula>LEN(TRIM(G42))=0</formula>
    </cfRule>
  </conditionalFormatting>
  <conditionalFormatting sqref="G59">
    <cfRule type="containsBlanks" dxfId="12" priority="32">
      <formula>LEN(TRIM(G59))=0</formula>
    </cfRule>
  </conditionalFormatting>
  <conditionalFormatting sqref="G60">
    <cfRule type="containsBlanks" dxfId="11" priority="33">
      <formula>LEN(TRIM(G60))=0</formula>
    </cfRule>
  </conditionalFormatting>
  <conditionalFormatting sqref="G62 G78">
    <cfRule type="containsBlanks" dxfId="10" priority="31">
      <formula>LEN(TRIM(G62))=0</formula>
    </cfRule>
  </conditionalFormatting>
  <conditionalFormatting sqref="G63">
    <cfRule type="containsBlanks" dxfId="9" priority="30">
      <formula>LEN(TRIM(G63))=0</formula>
    </cfRule>
  </conditionalFormatting>
  <conditionalFormatting sqref="G65">
    <cfRule type="containsBlanks" dxfId="8" priority="29">
      <formula>LEN(TRIM(G65))=0</formula>
    </cfRule>
  </conditionalFormatting>
  <conditionalFormatting sqref="G66">
    <cfRule type="containsBlanks" dxfId="7" priority="28">
      <formula>LEN(TRIM(G66))=0</formula>
    </cfRule>
  </conditionalFormatting>
  <conditionalFormatting sqref="G67">
    <cfRule type="containsBlanks" dxfId="6" priority="27">
      <formula>LEN(TRIM(G67))=0</formula>
    </cfRule>
  </conditionalFormatting>
  <conditionalFormatting sqref="G68">
    <cfRule type="containsBlanks" dxfId="5" priority="26">
      <formula>LEN(TRIM(G68))=0</formula>
    </cfRule>
  </conditionalFormatting>
  <conditionalFormatting sqref="G69">
    <cfRule type="containsBlanks" dxfId="4" priority="25">
      <formula>LEN(TRIM(G69))=0</formula>
    </cfRule>
  </conditionalFormatting>
  <conditionalFormatting sqref="G79">
    <cfRule type="containsBlanks" dxfId="3" priority="24">
      <formula>LEN(TRIM(G79))=0</formula>
    </cfRule>
  </conditionalFormatting>
  <conditionalFormatting sqref="G64">
    <cfRule type="containsBlanks" dxfId="2" priority="22">
      <formula>LEN(TRIM(G64))=0</formula>
    </cfRule>
  </conditionalFormatting>
  <conditionalFormatting sqref="G80">
    <cfRule type="containsBlanks" dxfId="1" priority="20">
      <formula>LEN(TRIM(G80))=0</formula>
    </cfRule>
  </conditionalFormatting>
  <conditionalFormatting sqref="G81:G82">
    <cfRule type="containsBlanks" dxfId="0" priority="21">
      <formula>LEN(TRIM(G81))=0</formula>
    </cfRule>
  </conditionalFormatting>
  <pageMargins left="0.7" right="0.7" top="0.97499999999999998" bottom="0.75" header="0.3" footer="0.3"/>
  <pageSetup paperSize="8" scale="69"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69"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0</xdr:row>
                    <xdr:rowOff>9525</xdr:rowOff>
                  </from>
                  <to>
                    <xdr:col>0</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1</xdr:row>
                    <xdr:rowOff>0</xdr:rowOff>
                  </from>
                  <to>
                    <xdr:col>0</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vt:lpstr>
      <vt:lpstr>Špecifikáci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5-08-12T07:03:51Z</cp:lastPrinted>
  <dcterms:created xsi:type="dcterms:W3CDTF">2017-04-21T05:51:15Z</dcterms:created>
  <dcterms:modified xsi:type="dcterms:W3CDTF">2025-08-12T07:03:57Z</dcterms:modified>
</cp:coreProperties>
</file>